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601"/>
  <workbookPr/>
  <mc:AlternateContent xmlns:mc="http://schemas.openxmlformats.org/markup-compatibility/2006">
    <mc:Choice Requires="x15">
      <x15ac:absPath xmlns:x15ac="http://schemas.microsoft.com/office/spreadsheetml/2010/11/ac" url="\\sfp.idir.bcgov\s114\S15782\Seniors Advocate\Monitoring and Reporting (10000-20)\3. Surveys\Low Income Survey - 2022\Website upload pkg\"/>
    </mc:Choice>
  </mc:AlternateContent>
  <xr:revisionPtr revIDLastSave="0" documentId="13_ncr:1_{A95EF010-63F0-42C6-9BC9-02F5BA56B299}" xr6:coauthVersionLast="47" xr6:coauthVersionMax="47" xr10:uidLastSave="{00000000-0000-0000-0000-000000000000}"/>
  <bookViews>
    <workbookView xWindow="-120" yWindow="-120" windowWidth="29040" windowHeight="15840" activeTab="1" xr2:uid="{A88F23A5-F41B-4A59-9C08-548A7A1C9D3C}"/>
  </bookViews>
  <sheets>
    <sheet name="Notes" sheetId="6" r:id="rId1"/>
    <sheet name="Survey Results" sheetId="1" r:id="rId2"/>
  </sheets>
  <definedNames>
    <definedName name="_xlnm.Print_Area" localSheetId="0">Notes!$A$1:$G$16</definedName>
    <definedName name="_xlnm.Print_Area" localSheetId="1">'Survey Results'!$A$1:$G$174</definedName>
    <definedName name="_xlnm.Print_Titles" localSheetId="1">'Survey Results'!#REF!</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sharedStrings.xml><?xml version="1.0" encoding="utf-8"?>
<sst xmlns="http://schemas.openxmlformats.org/spreadsheetml/2006/main" count="376" uniqueCount="150">
  <si>
    <t>Income and Affordability Stakeholder Engagement Questionnaire</t>
  </si>
  <si>
    <t>h</t>
  </si>
  <si>
    <t xml:space="preserve">Q2. Based on your organization’s knowledge, please rank (1 to 9) the list below in order of most important (1) to least important (9) of the following housing concerns faced by low-income seniors in your community. </t>
  </si>
  <si>
    <t>Rank</t>
  </si>
  <si>
    <t>Access to affordable housing</t>
  </si>
  <si>
    <t>Rising rental rates</t>
  </si>
  <si>
    <t>Access to housing suitable for mobility and accessibility needs</t>
  </si>
  <si>
    <t xml:space="preserve">Not being able to stay in their own home </t>
  </si>
  <si>
    <t>Unsafe and unhealthy living conditions</t>
  </si>
  <si>
    <t>Ability to afford home repairs and maintenance</t>
  </si>
  <si>
    <t>Not living in close proximity to family/friends and services</t>
  </si>
  <si>
    <t>Renovictions</t>
  </si>
  <si>
    <t>Living in unsafe neighborhoods</t>
  </si>
  <si>
    <t xml:space="preserve">Q3. How frequently has your organization heard from low-income seniors who are renters about the difficulty in covering the following housing expenses? </t>
  </si>
  <si>
    <t>Rarely</t>
  </si>
  <si>
    <t>Occasionally</t>
  </si>
  <si>
    <t>Frequently</t>
  </si>
  <si>
    <t>Very frequently</t>
  </si>
  <si>
    <t>I do not know</t>
  </si>
  <si>
    <t>Rent</t>
  </si>
  <si>
    <t>Monthly utilities</t>
  </si>
  <si>
    <t>Home adaptations for accessibility</t>
  </si>
  <si>
    <t xml:space="preserve">Q4. What would you say is the level of awareness among low-income seniors who are renters of the following government programs? </t>
  </si>
  <si>
    <t>Not aware</t>
  </si>
  <si>
    <t>Somewhat aware</t>
  </si>
  <si>
    <t>Aware</t>
  </si>
  <si>
    <t>Very aware</t>
  </si>
  <si>
    <t>Shelter Aid for Elderly Renters (SAFER)</t>
  </si>
  <si>
    <t>BC Housing Subsidized Housing</t>
  </si>
  <si>
    <t>BC Rebate for Accessible Home Adaptations (BC RAHA)</t>
  </si>
  <si>
    <t>Better at Home</t>
  </si>
  <si>
    <t>Q5. Seniors who are homeowners may also be low-income. How frequently has your organization heard from low-income seniors who are homeowners about the difficulty in covering the following housing expenses?</t>
  </si>
  <si>
    <t>Property tax</t>
  </si>
  <si>
    <t>Repairs and home maintenance</t>
  </si>
  <si>
    <t xml:space="preserve">Strata fees </t>
  </si>
  <si>
    <t>Home insurance</t>
  </si>
  <si>
    <t xml:space="preserve">Home adaptations for accessibility </t>
  </si>
  <si>
    <t xml:space="preserve">Q6. What would you say is the level of awareness among low-income seniors who are homeowners of the following government programs? </t>
  </si>
  <si>
    <t>BC Property Tax Deferment Program</t>
  </si>
  <si>
    <t>BC Home Renovation Tax Credit</t>
  </si>
  <si>
    <t>Federal Home Accessibility Tax Credit</t>
  </si>
  <si>
    <t xml:space="preserve">Q8. How often has your organization heard from low-income seniors about needing any of the following health related services but being unable to afford them? </t>
  </si>
  <si>
    <t>Prescription eyeglasses</t>
  </si>
  <si>
    <t>Dental care</t>
  </si>
  <si>
    <t>Dentures</t>
  </si>
  <si>
    <t>Hearing aids</t>
  </si>
  <si>
    <t>Medication</t>
  </si>
  <si>
    <t>Medical equipment (walker, wheelchair, etc.)</t>
  </si>
  <si>
    <t>Physiotherapy</t>
  </si>
  <si>
    <t>Occupational therapy</t>
  </si>
  <si>
    <t>Foot care (podiatry)</t>
  </si>
  <si>
    <t>Counseling or mental health support</t>
  </si>
  <si>
    <t>Chiropractor, acupuncture, or massage therapy</t>
  </si>
  <si>
    <t>Q9. What would you say is the level of awareness of low-income seniors of the following government-funded health related programs?</t>
  </si>
  <si>
    <t>Fair PharmaCare</t>
  </si>
  <si>
    <t>Supplementary Benefits (i.e., physiotherapy, occupational therapy)</t>
  </si>
  <si>
    <t xml:space="preserve">Free basic eye exams </t>
  </si>
  <si>
    <t>Low-cost dental clinics</t>
  </si>
  <si>
    <t>Q10. Publicly subsidized home and community care services provide a range of health care and support services for people who have acute, chronic, palliative, or rehabilitative health care needs. What would you say is the level of awareness of low-income seniors of the following Home and Community Care services?</t>
  </si>
  <si>
    <t>Home support</t>
  </si>
  <si>
    <t xml:space="preserve">Professional home care services (i.e., nursing, physiotherapy, occupational therapy) </t>
  </si>
  <si>
    <t>Adult day programs</t>
  </si>
  <si>
    <t>Respite care</t>
  </si>
  <si>
    <t>Assisted living</t>
  </si>
  <si>
    <t>Long-term care</t>
  </si>
  <si>
    <t xml:space="preserve">Q11. We are interested to know where you think the government should focus health funding for low-income seniors should it become available. Please rank (1 to 10), the list below in order of most important (1) to least important (10) that you think should be prioritized for additional funding. </t>
  </si>
  <si>
    <t>Q13. How difficult do you think it is for low-income seniors to cover the following expenses?</t>
  </si>
  <si>
    <t>Very difficult</t>
  </si>
  <si>
    <t>Difficult</t>
  </si>
  <si>
    <t>Somewhat difficult</t>
  </si>
  <si>
    <t>Not difficult</t>
  </si>
  <si>
    <t>I do now know</t>
  </si>
  <si>
    <t>Housing (rent, mortgage)</t>
  </si>
  <si>
    <t>Utilities (e.g., heat, water)</t>
  </si>
  <si>
    <t>Cable</t>
  </si>
  <si>
    <t>Internet</t>
  </si>
  <si>
    <t>Home phone/cell phone</t>
  </si>
  <si>
    <t>Food</t>
  </si>
  <si>
    <t>Medication/supplements</t>
  </si>
  <si>
    <t xml:space="preserve">Transportation </t>
  </si>
  <si>
    <t>Hiring people to help</t>
  </si>
  <si>
    <t>Replacing clothes, shoes</t>
  </si>
  <si>
    <t xml:space="preserve">Medical supplies such as incontinence supplies </t>
  </si>
  <si>
    <t xml:space="preserve">Q14. How financially prepared do you think low-income seniors are for the costs related to aging? For example, medication, special diets, incontinence products, mobility aids, extra help, and/or accessible/supported housing. </t>
  </si>
  <si>
    <t>Very prepared</t>
  </si>
  <si>
    <t>Prepared</t>
  </si>
  <si>
    <t>A little prepared</t>
  </si>
  <si>
    <t>Not prepared at all</t>
  </si>
  <si>
    <t xml:space="preserve">Q15. How often does your organization hear about seniors cutting back on their spending on essentials to pay for another essential expense? For example, cutting back on groceries to help pay for rent. </t>
  </si>
  <si>
    <t>All of the time</t>
  </si>
  <si>
    <t>Most of the time</t>
  </si>
  <si>
    <t>Some of the time</t>
  </si>
  <si>
    <t>Never</t>
  </si>
  <si>
    <t>Q16. How often has your organization heard from low-income seniors who run out of money to buy food and need assistance?</t>
  </si>
  <si>
    <t>Q17. Do you think most low-income seniors could find $1,000 or more to pay for an unexpected expense, such as a dental emergency, car repairs, or hot water tank replacement?</t>
  </si>
  <si>
    <t>Yes</t>
  </si>
  <si>
    <t>No</t>
  </si>
  <si>
    <t>Q18. How concerned do you think low-income seniors are about the following aspects of aging?</t>
  </si>
  <si>
    <t>Very concerned</t>
  </si>
  <si>
    <t>Concerned</t>
  </si>
  <si>
    <t>Somewhat concerned</t>
  </si>
  <si>
    <t>Not concerned</t>
  </si>
  <si>
    <t>Declining physical health</t>
  </si>
  <si>
    <t>Declining cognitive health/dementia</t>
  </si>
  <si>
    <t>Health care expenses</t>
  </si>
  <si>
    <t>Loneliness/isolation</t>
  </si>
  <si>
    <t>Death of a partner/spouse</t>
  </si>
  <si>
    <t>Being unable to make their own choices (loss of independent decision making)</t>
  </si>
  <si>
    <t>Being able to stay in their own home</t>
  </si>
  <si>
    <t>Getting help and assistance when they need it</t>
  </si>
  <si>
    <t xml:space="preserve">Loss of driver’s license </t>
  </si>
  <si>
    <t>Having enough money to pay for their normal living expenses</t>
  </si>
  <si>
    <t xml:space="preserve">Q20. How well would you say the following government programs meet the needs of low-income seniors in B.C.? </t>
  </si>
  <si>
    <t>Very well</t>
  </si>
  <si>
    <t>Somewhat well</t>
  </si>
  <si>
    <t>Not too well</t>
  </si>
  <si>
    <t>Not at all</t>
  </si>
  <si>
    <t>Old Age Security (OAS)</t>
  </si>
  <si>
    <t>Guaranteed Income Supplement (GIS)</t>
  </si>
  <si>
    <t xml:space="preserve">B.C Senior’s Supplement </t>
  </si>
  <si>
    <t>B.C. Housing Subsidized Housing</t>
  </si>
  <si>
    <t>Shelter Aid for Elderly Residents (SAFER)</t>
  </si>
  <si>
    <t>Property Tax Deferment Program</t>
  </si>
  <si>
    <t>HandyDART</t>
  </si>
  <si>
    <t>Taxi Saver Vouchers</t>
  </si>
  <si>
    <t xml:space="preserve">BC Bus Pass Program </t>
  </si>
  <si>
    <t>Q21. Internet access is important to maintain social connections and access vital services. Low-income seniors may not be able to afford Internet access. Please indicate how difficult it is for low-income seniors to access the Internet at home?</t>
  </si>
  <si>
    <t>Q22. Seniors may face barriers in using technology. What would you say is the largest barrier for low-income seniors in using the Internet in daily life?</t>
  </si>
  <si>
    <t>Costs too much</t>
  </si>
  <si>
    <t>Lack of knowledge on how to use</t>
  </si>
  <si>
    <t>Age-related barrier (i.e., vision, fine motor difficulties)</t>
  </si>
  <si>
    <t>Limited or unreliable access</t>
  </si>
  <si>
    <t>No previous computer experience</t>
  </si>
  <si>
    <t>Do not want to use</t>
  </si>
  <si>
    <t>Q23. In general, what method of communication do seniors most prefer to use when contacting your organization?</t>
  </si>
  <si>
    <t>Phone</t>
  </si>
  <si>
    <t>Mail</t>
  </si>
  <si>
    <t>Email</t>
  </si>
  <si>
    <t>In-person</t>
  </si>
  <si>
    <t>a</t>
  </si>
  <si>
    <t>b</t>
  </si>
  <si>
    <t/>
  </si>
  <si>
    <t>Office of the Seniors Advocate</t>
  </si>
  <si>
    <t>Contact:</t>
  </si>
  <si>
    <t>info@seniorsadvocatebc.ca</t>
  </si>
  <si>
    <t>1-877-952-3181</t>
  </si>
  <si>
    <t>Data Notes:</t>
  </si>
  <si>
    <t>1) Please refer to the full survey tool posted to the OSA's website as an interpretative aide when viewing these survey results.</t>
  </si>
  <si>
    <t>2) Results have excluded blank responses. Blank responses refer to missed questions or pages.</t>
  </si>
  <si>
    <t>3) Reponses for some open-text questions are not included in this results document due to confidentiality purpos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8">
    <font>
      <sz val="11"/>
      <color theme="1"/>
      <name val="Titillium Web Light"/>
      <family val="2"/>
      <scheme val="minor"/>
    </font>
    <font>
      <sz val="11"/>
      <color theme="1"/>
      <name val="Titillium Web Light"/>
      <family val="2"/>
      <scheme val="minor"/>
    </font>
    <font>
      <b/>
      <sz val="11"/>
      <color theme="1"/>
      <name val="Titillium Web Light"/>
      <family val="2"/>
      <scheme val="minor"/>
    </font>
    <font>
      <u/>
      <sz val="11"/>
      <color theme="10"/>
      <name val="Titillium Web Light"/>
      <family val="2"/>
      <scheme val="minor"/>
    </font>
    <font>
      <b/>
      <sz val="16"/>
      <color theme="1"/>
      <name val="Titillium Web Light"/>
      <family val="2"/>
      <scheme val="minor"/>
    </font>
    <font>
      <b/>
      <i/>
      <sz val="14"/>
      <color theme="9" tint="-0.249977111117893"/>
      <name val="Titillium Web Light"/>
      <family val="2"/>
      <scheme val="minor"/>
    </font>
    <font>
      <b/>
      <sz val="11"/>
      <color theme="1"/>
      <name val="Titillium Web Light"/>
      <scheme val="minor"/>
    </font>
    <font>
      <sz val="11"/>
      <color theme="1"/>
      <name val="Titillium Web Light"/>
      <scheme val="minor"/>
    </font>
  </fonts>
  <fills count="2">
    <fill>
      <patternFill patternType="none"/>
    </fill>
    <fill>
      <patternFill patternType="gray125"/>
    </fill>
  </fills>
  <borders count="1">
    <border>
      <left/>
      <right/>
      <top/>
      <bottom/>
      <diagonal/>
    </border>
  </borders>
  <cellStyleXfs count="3">
    <xf numFmtId="0" fontId="0" fillId="0" borderId="0"/>
    <xf numFmtId="9" fontId="1" fillId="0" borderId="0" applyFont="0" applyFill="0" applyBorder="0" applyAlignment="0" applyProtection="0"/>
    <xf numFmtId="0" fontId="3" fillId="0" borderId="0" applyNumberFormat="0" applyFill="0" applyBorder="0" applyAlignment="0" applyProtection="0"/>
  </cellStyleXfs>
  <cellXfs count="22">
    <xf numFmtId="0" fontId="0" fillId="0" borderId="0" xfId="0"/>
    <xf numFmtId="0" fontId="0" fillId="0" borderId="0" xfId="0" applyAlignment="1">
      <alignment horizontal="center"/>
    </xf>
    <xf numFmtId="0" fontId="4" fillId="0" borderId="0" xfId="0" applyFont="1"/>
    <xf numFmtId="0" fontId="5" fillId="0" borderId="0" xfId="0" applyFont="1" applyAlignment="1">
      <alignment horizontal="left" vertical="top"/>
    </xf>
    <xf numFmtId="0" fontId="0" fillId="0" borderId="0" xfId="0" applyAlignment="1">
      <alignment vertical="top"/>
    </xf>
    <xf numFmtId="0" fontId="6" fillId="0" borderId="0" xfId="0" applyFont="1" applyAlignment="1">
      <alignment vertical="top"/>
    </xf>
    <xf numFmtId="0" fontId="7" fillId="0" borderId="0" xfId="0" applyFont="1" applyAlignment="1">
      <alignment vertical="top"/>
    </xf>
    <xf numFmtId="0" fontId="3" fillId="0" borderId="0" xfId="2" applyAlignment="1">
      <alignment vertical="top"/>
    </xf>
    <xf numFmtId="0" fontId="2" fillId="0" borderId="0" xfId="0" applyFont="1" applyAlignment="1">
      <alignment vertical="top"/>
    </xf>
    <xf numFmtId="0" fontId="0" fillId="0" borderId="0" xfId="0" applyAlignment="1">
      <alignment vertical="top" wrapText="1"/>
    </xf>
    <xf numFmtId="0" fontId="0" fillId="0" borderId="0" xfId="0" applyAlignment="1">
      <alignment horizontal="center" vertical="top"/>
    </xf>
    <xf numFmtId="9" fontId="0" fillId="0" borderId="0" xfId="1" applyFont="1" applyAlignment="1">
      <alignment horizontal="center" vertical="top"/>
    </xf>
    <xf numFmtId="0" fontId="0" fillId="0" borderId="0" xfId="0" applyAlignment="1"/>
    <xf numFmtId="9" fontId="0" fillId="0" borderId="0" xfId="0" applyNumberFormat="1" applyAlignment="1"/>
    <xf numFmtId="0" fontId="0" fillId="0" borderId="0" xfId="0" applyAlignment="1">
      <alignment vertical="center"/>
    </xf>
    <xf numFmtId="0" fontId="0" fillId="0" borderId="0" xfId="0" applyAlignment="1">
      <alignment horizontal="center" vertical="center"/>
    </xf>
    <xf numFmtId="0" fontId="0" fillId="0" borderId="0" xfId="0" applyAlignment="1">
      <alignment vertical="center" wrapText="1"/>
    </xf>
    <xf numFmtId="9" fontId="0" fillId="0" borderId="0" xfId="1" applyFont="1" applyAlignment="1">
      <alignment horizontal="center" vertical="center"/>
    </xf>
    <xf numFmtId="9" fontId="0" fillId="0" borderId="0" xfId="0" applyNumberFormat="1" applyAlignment="1">
      <alignment vertical="center"/>
    </xf>
    <xf numFmtId="0" fontId="0" fillId="0" borderId="0" xfId="0" applyAlignment="1">
      <alignment horizontal="left" vertical="top" wrapText="1"/>
    </xf>
    <xf numFmtId="0" fontId="0" fillId="0" borderId="0" xfId="0" applyAlignment="1">
      <alignment horizontal="left" vertical="center" wrapText="1"/>
    </xf>
    <xf numFmtId="0" fontId="0" fillId="0" borderId="0" xfId="0" applyAlignment="1">
      <alignment vertical="center" wrapText="1"/>
    </xf>
  </cellXfs>
  <cellStyles count="3">
    <cellStyle name="Hyperlink" xfId="2" builtinId="8"/>
    <cellStyle name="Normal" xfId="0" builtinId="0"/>
    <cellStyle name="Percent" xfId="1" builtinId="5"/>
  </cellStyles>
  <dxfs count="2">
    <dxf>
      <font>
        <b/>
        <i val="0"/>
        <color theme="0"/>
      </font>
      <fill>
        <patternFill>
          <bgColor theme="4" tint="-0.24994659260841701"/>
        </patternFill>
      </fill>
    </dxf>
    <dxf>
      <fill>
        <patternFill>
          <bgColor theme="9" tint="0.7999816888943144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vmlDrawing1.vml.rels><?xml version="1.0" encoding="UTF-8" standalone="yes"?>
<Relationships xmlns="http://schemas.openxmlformats.org/package/2006/relationships"><Relationship Id="rId1" Type="http://schemas.openxmlformats.org/officeDocument/2006/relationships/image" Target="../media/image2.png"/></Relationships>
</file>

<file path=xl/drawings/drawing1.xml><?xml version="1.0" encoding="utf-8"?>
<xdr:wsDr xmlns:xdr="http://schemas.openxmlformats.org/drawingml/2006/spreadsheetDrawing" xmlns:a="http://schemas.openxmlformats.org/drawingml/2006/main">
  <xdr:twoCellAnchor editAs="oneCell">
    <xdr:from>
      <xdr:col>0</xdr:col>
      <xdr:colOff>123825</xdr:colOff>
      <xdr:row>0</xdr:row>
      <xdr:rowOff>77442</xdr:rowOff>
    </xdr:from>
    <xdr:to>
      <xdr:col>3</xdr:col>
      <xdr:colOff>876300</xdr:colOff>
      <xdr:row>3</xdr:row>
      <xdr:rowOff>163215</xdr:rowOff>
    </xdr:to>
    <xdr:pic>
      <xdr:nvPicPr>
        <xdr:cNvPr id="2" name="Picture 1">
          <a:extLst>
            <a:ext uri="{FF2B5EF4-FFF2-40B4-BE49-F238E27FC236}">
              <a16:creationId xmlns:a16="http://schemas.microsoft.com/office/drawing/2014/main" id="{A1617C02-0200-4471-A3E7-F179C453B802}"/>
            </a:ext>
          </a:extLst>
        </xdr:cNvPr>
        <xdr:cNvPicPr>
          <a:picLocks noChangeAspect="1"/>
        </xdr:cNvPicPr>
      </xdr:nvPicPr>
      <xdr:blipFill>
        <a:blip xmlns:r="http://schemas.openxmlformats.org/officeDocument/2006/relationships" r:embed="rId1">
          <a:extLst>
            <a:ext uri="{28A0092B-C50C-407E-A947-70E740481C1C}">
              <a14:useLocalDpi xmlns:a14="http://schemas.microsoft.com/office/drawing/2010/main" val="0"/>
            </a:ext>
          </a:extLst>
        </a:blip>
        <a:stretch>
          <a:fillRect/>
        </a:stretch>
      </xdr:blipFill>
      <xdr:spPr>
        <a:xfrm>
          <a:off x="123825" y="77442"/>
          <a:ext cx="3228975" cy="632425"/>
        </a:xfrm>
        <a:prstGeom prst="rect">
          <a:avLst/>
        </a:prstGeom>
      </xdr:spPr>
    </xdr:pic>
    <xdr:clientData/>
  </xdr:twoCellAnchor>
</xdr:wsDr>
</file>

<file path=xl/theme/theme1.xml><?xml version="1.0" encoding="utf-8"?>
<a:theme xmlns:a="http://schemas.openxmlformats.org/drawingml/2006/main" name="OSA Theme">
  <a:themeElements>
    <a:clrScheme name="OSA Colours">
      <a:dk1>
        <a:sysClr val="windowText" lastClr="000000"/>
      </a:dk1>
      <a:lt1>
        <a:sysClr val="window" lastClr="FFFFFF"/>
      </a:lt1>
      <a:dk2>
        <a:srgbClr val="44546A"/>
      </a:dk2>
      <a:lt2>
        <a:srgbClr val="E7E6E6"/>
      </a:lt2>
      <a:accent1>
        <a:srgbClr val="24B5AC"/>
      </a:accent1>
      <a:accent2>
        <a:srgbClr val="00454F"/>
      </a:accent2>
      <a:accent3>
        <a:srgbClr val="A1CD41"/>
      </a:accent3>
      <a:accent4>
        <a:srgbClr val="3D7A3A"/>
      </a:accent4>
      <a:accent5>
        <a:srgbClr val="414042"/>
      </a:accent5>
      <a:accent6>
        <a:srgbClr val="21C9E2"/>
      </a:accent6>
      <a:hlink>
        <a:srgbClr val="0563C1"/>
      </a:hlink>
      <a:folHlink>
        <a:srgbClr val="954F72"/>
      </a:folHlink>
    </a:clrScheme>
    <a:fontScheme name="Titillium">
      <a:majorFont>
        <a:latin typeface="Titillium Web SemiBold"/>
        <a:ea typeface=""/>
        <a:cs typeface=""/>
      </a:majorFont>
      <a:minorFont>
        <a:latin typeface="Titillium Web Light"/>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1.bin"/><Relationship Id="rId1" Type="http://schemas.openxmlformats.org/officeDocument/2006/relationships/hyperlink" Target="mailto:info@seniorsadvocatebc.ca" TargetMode="External"/></Relationships>
</file>

<file path=xl/worksheets/_rels/sheet2.xml.rels><?xml version="1.0" encoding="UTF-8" standalone="yes"?>
<Relationships xmlns="http://schemas.openxmlformats.org/package/2006/relationships"><Relationship Id="rId2" Type="http://schemas.openxmlformats.org/officeDocument/2006/relationships/vmlDrawing" Target="../drawings/vmlDrawing1.v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FBEDEB5-1042-4C7D-8440-15A37A2B67E6}">
  <sheetPr>
    <pageSetUpPr fitToPage="1"/>
  </sheetPr>
  <dimension ref="A4:H16"/>
  <sheetViews>
    <sheetView showGridLines="0" zoomScale="115" zoomScaleNormal="115" workbookViewId="0"/>
  </sheetViews>
  <sheetFormatPr defaultRowHeight="14.25"/>
  <cols>
    <col min="1" max="1" width="5" customWidth="1"/>
    <col min="2" max="2" width="11.125" customWidth="1"/>
    <col min="3" max="3" width="16.375" customWidth="1"/>
    <col min="4" max="4" width="44.375" customWidth="1"/>
  </cols>
  <sheetData>
    <row r="4" spans="1:8" ht="26.25" customHeight="1"/>
    <row r="5" spans="1:8" ht="20.25">
      <c r="A5" s="2" t="s">
        <v>0</v>
      </c>
    </row>
    <row r="6" spans="1:8" ht="9.6" customHeight="1">
      <c r="A6" s="2"/>
    </row>
    <row r="7" spans="1:8" ht="18.75">
      <c r="A7" s="3" t="s">
        <v>142</v>
      </c>
    </row>
    <row r="8" spans="1:8">
      <c r="A8" s="4"/>
      <c r="B8" s="4"/>
      <c r="C8" s="4"/>
      <c r="D8" s="4"/>
    </row>
    <row r="9" spans="1:8" ht="15">
      <c r="A9" s="4"/>
      <c r="B9" s="5" t="s">
        <v>143</v>
      </c>
      <c r="C9" s="6" t="s">
        <v>142</v>
      </c>
      <c r="D9" s="4"/>
    </row>
    <row r="10" spans="1:8">
      <c r="A10" s="4"/>
      <c r="B10" s="4"/>
      <c r="C10" s="7" t="s">
        <v>144</v>
      </c>
      <c r="D10" s="4"/>
    </row>
    <row r="11" spans="1:8">
      <c r="A11" s="4"/>
      <c r="B11" s="4"/>
      <c r="C11" t="s">
        <v>145</v>
      </c>
      <c r="D11" s="4"/>
    </row>
    <row r="12" spans="1:8" ht="15">
      <c r="A12" s="4"/>
      <c r="B12" s="4"/>
      <c r="C12" s="8"/>
      <c r="D12" s="4"/>
    </row>
    <row r="13" spans="1:8" ht="15">
      <c r="A13" s="4"/>
      <c r="B13" s="5" t="s">
        <v>146</v>
      </c>
      <c r="C13" s="8"/>
      <c r="D13" s="4"/>
    </row>
    <row r="14" spans="1:8" ht="21.75" customHeight="1">
      <c r="B14" s="4" t="s">
        <v>147</v>
      </c>
      <c r="C14" s="4"/>
      <c r="D14" s="4"/>
      <c r="E14" s="4"/>
      <c r="F14" s="4"/>
      <c r="G14" s="4"/>
      <c r="H14" s="4"/>
    </row>
    <row r="15" spans="1:8" ht="18.95" customHeight="1">
      <c r="B15" s="19" t="s">
        <v>148</v>
      </c>
      <c r="C15" s="19"/>
      <c r="D15" s="19"/>
      <c r="E15" s="19"/>
      <c r="F15" s="19"/>
      <c r="G15" s="19"/>
      <c r="H15" s="9"/>
    </row>
    <row r="16" spans="1:8" ht="19.899999999999999" customHeight="1">
      <c r="B16" s="19" t="s">
        <v>149</v>
      </c>
      <c r="C16" s="19"/>
      <c r="D16" s="19"/>
      <c r="E16" s="19"/>
      <c r="F16" s="19"/>
      <c r="G16" s="19"/>
      <c r="H16" s="9"/>
    </row>
  </sheetData>
  <mergeCells count="2">
    <mergeCell ref="B15:G15"/>
    <mergeCell ref="B16:G16"/>
  </mergeCells>
  <hyperlinks>
    <hyperlink ref="C10" r:id="rId1" xr:uid="{B7E3E317-7131-4BF7-BB78-0D959F4FDC04}"/>
  </hyperlinks>
  <pageMargins left="0.7" right="0.7" top="0.75" bottom="0.75" header="0.3" footer="0.3"/>
  <pageSetup fitToWidth="0" orientation="landscape" r:id="rId2"/>
  <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8B2C828-5920-4D4E-9EDC-6B1AD7331D89}">
  <sheetPr>
    <pageSetUpPr fitToPage="1"/>
  </sheetPr>
  <dimension ref="A1:H174"/>
  <sheetViews>
    <sheetView showGridLines="0" tabSelected="1" topLeftCell="B1" zoomScaleNormal="100" zoomScaleSheetLayoutView="85" workbookViewId="0">
      <selection activeCell="B1" sqref="B1:G1"/>
    </sheetView>
  </sheetViews>
  <sheetFormatPr defaultRowHeight="15" customHeight="1"/>
  <cols>
    <col min="1" max="1" width="1.875" hidden="1" customWidth="1"/>
    <col min="2" max="2" width="49.125" customWidth="1"/>
    <col min="3" max="3" width="14.75" style="1" customWidth="1"/>
    <col min="4" max="4" width="16.625" style="1" customWidth="1"/>
    <col min="5" max="5" width="18.125" style="1" bestFit="1" customWidth="1"/>
    <col min="6" max="6" width="14.875" style="1" customWidth="1"/>
    <col min="7" max="7" width="13.5" style="1" customWidth="1"/>
  </cols>
  <sheetData>
    <row r="1" spans="1:8" ht="36" customHeight="1">
      <c r="A1" t="s">
        <v>1</v>
      </c>
      <c r="B1" s="19" t="s">
        <v>2</v>
      </c>
      <c r="C1" s="19"/>
      <c r="D1" s="19"/>
      <c r="E1" s="19"/>
      <c r="F1" s="19"/>
      <c r="G1" s="19"/>
    </row>
    <row r="2" spans="1:8" ht="15.95" customHeight="1">
      <c r="B2" s="4"/>
      <c r="C2" s="10" t="s">
        <v>3</v>
      </c>
    </row>
    <row r="3" spans="1:8" ht="15.95" customHeight="1">
      <c r="A3" t="s">
        <v>139</v>
      </c>
      <c r="B3" s="4" t="s">
        <v>4</v>
      </c>
      <c r="C3" s="10">
        <v>1</v>
      </c>
    </row>
    <row r="4" spans="1:8" ht="15.95" customHeight="1">
      <c r="A4" t="s">
        <v>140</v>
      </c>
      <c r="B4" s="4" t="s">
        <v>5</v>
      </c>
      <c r="C4" s="10">
        <v>2</v>
      </c>
    </row>
    <row r="5" spans="1:8" ht="15.95" customHeight="1">
      <c r="A5" t="s">
        <v>139</v>
      </c>
      <c r="B5" s="4" t="s">
        <v>6</v>
      </c>
      <c r="C5" s="10">
        <v>3</v>
      </c>
    </row>
    <row r="6" spans="1:8" ht="15.95" customHeight="1">
      <c r="A6" t="s">
        <v>140</v>
      </c>
      <c r="B6" s="4" t="s">
        <v>7</v>
      </c>
      <c r="C6" s="10">
        <v>4</v>
      </c>
    </row>
    <row r="7" spans="1:8" ht="15.95" customHeight="1">
      <c r="A7" t="s">
        <v>139</v>
      </c>
      <c r="B7" s="4" t="s">
        <v>8</v>
      </c>
      <c r="C7" s="10">
        <v>5</v>
      </c>
    </row>
    <row r="8" spans="1:8" ht="15.95" customHeight="1">
      <c r="A8" t="s">
        <v>140</v>
      </c>
      <c r="B8" s="4" t="s">
        <v>9</v>
      </c>
      <c r="C8" s="10">
        <v>6</v>
      </c>
    </row>
    <row r="9" spans="1:8" ht="15.95" customHeight="1">
      <c r="A9" t="s">
        <v>139</v>
      </c>
      <c r="B9" s="4" t="s">
        <v>10</v>
      </c>
      <c r="C9" s="10">
        <v>7</v>
      </c>
    </row>
    <row r="10" spans="1:8" ht="15.95" customHeight="1">
      <c r="A10" t="s">
        <v>140</v>
      </c>
      <c r="B10" s="4" t="s">
        <v>11</v>
      </c>
      <c r="C10" s="10">
        <v>8</v>
      </c>
    </row>
    <row r="11" spans="1:8" ht="15.95" customHeight="1">
      <c r="A11" t="s">
        <v>139</v>
      </c>
      <c r="B11" s="4" t="s">
        <v>12</v>
      </c>
      <c r="C11" s="10">
        <v>9</v>
      </c>
    </row>
    <row r="13" spans="1:8" ht="39.75" customHeight="1">
      <c r="A13" s="12" t="s">
        <v>1</v>
      </c>
      <c r="B13" s="19" t="s">
        <v>13</v>
      </c>
      <c r="C13" s="19"/>
      <c r="D13" s="19"/>
      <c r="E13" s="19"/>
      <c r="F13" s="19"/>
      <c r="G13" s="19"/>
      <c r="H13" s="12"/>
    </row>
    <row r="14" spans="1:8" ht="15.95" customHeight="1">
      <c r="A14" s="12" t="s">
        <v>141</v>
      </c>
      <c r="B14" s="4"/>
      <c r="C14" s="10" t="s">
        <v>14</v>
      </c>
      <c r="D14" s="10" t="s">
        <v>15</v>
      </c>
      <c r="E14" s="10" t="s">
        <v>16</v>
      </c>
      <c r="F14" s="10" t="s">
        <v>17</v>
      </c>
      <c r="G14" s="10" t="s">
        <v>18</v>
      </c>
      <c r="H14" s="12"/>
    </row>
    <row r="15" spans="1:8" ht="15.95" customHeight="1">
      <c r="A15" s="12" t="s">
        <v>139</v>
      </c>
      <c r="B15" s="4" t="s">
        <v>19</v>
      </c>
      <c r="C15" s="11">
        <v>3.2258064516129031E-2</v>
      </c>
      <c r="D15" s="11">
        <v>9.6774193548387094E-2</v>
      </c>
      <c r="E15" s="11">
        <v>0.19354838709677419</v>
      </c>
      <c r="F15" s="11">
        <v>0.66129032258064513</v>
      </c>
      <c r="G15" s="11">
        <v>1.6129032258064516E-2</v>
      </c>
      <c r="H15" s="13"/>
    </row>
    <row r="16" spans="1:8" ht="15.95" customHeight="1">
      <c r="A16" s="12" t="s">
        <v>140</v>
      </c>
      <c r="B16" s="4" t="s">
        <v>20</v>
      </c>
      <c r="C16" s="11">
        <v>4.9180327868852458E-2</v>
      </c>
      <c r="D16" s="11">
        <v>0.21311475409836064</v>
      </c>
      <c r="E16" s="11">
        <v>0.45901639344262296</v>
      </c>
      <c r="F16" s="11">
        <v>0.24590163934426229</v>
      </c>
      <c r="G16" s="11">
        <v>3.2786885245901641E-2</v>
      </c>
      <c r="H16" s="13"/>
    </row>
    <row r="17" spans="1:8" ht="15.95" customHeight="1">
      <c r="A17" s="12" t="s">
        <v>139</v>
      </c>
      <c r="B17" s="4" t="s">
        <v>21</v>
      </c>
      <c r="C17" s="11">
        <v>0.11290322580645161</v>
      </c>
      <c r="D17" s="11">
        <v>0.46774193548387094</v>
      </c>
      <c r="E17" s="11">
        <v>9.6774193548387094E-2</v>
      </c>
      <c r="F17" s="11">
        <v>0.25806451612903225</v>
      </c>
      <c r="G17" s="11">
        <v>6.4516129032258063E-2</v>
      </c>
      <c r="H17" s="13"/>
    </row>
    <row r="18" spans="1:8" ht="15.95" customHeight="1">
      <c r="A18" s="12" t="s">
        <v>141</v>
      </c>
      <c r="B18" s="12"/>
      <c r="H18" s="13"/>
    </row>
    <row r="19" spans="1:8" ht="15.95" customHeight="1">
      <c r="A19" s="12" t="s">
        <v>1</v>
      </c>
      <c r="B19" s="4" t="s">
        <v>22</v>
      </c>
      <c r="H19" s="13"/>
    </row>
    <row r="20" spans="1:8" ht="15.95" customHeight="1">
      <c r="A20" s="12" t="s">
        <v>141</v>
      </c>
      <c r="B20" s="4"/>
      <c r="C20" s="10" t="s">
        <v>23</v>
      </c>
      <c r="D20" s="10" t="s">
        <v>24</v>
      </c>
      <c r="E20" s="10" t="s">
        <v>25</v>
      </c>
      <c r="F20" s="10" t="s">
        <v>26</v>
      </c>
      <c r="G20" s="10" t="s">
        <v>18</v>
      </c>
      <c r="H20" s="13"/>
    </row>
    <row r="21" spans="1:8" ht="15.95" customHeight="1">
      <c r="A21" s="12" t="s">
        <v>139</v>
      </c>
      <c r="B21" s="9" t="s">
        <v>27</v>
      </c>
      <c r="C21" s="11">
        <v>0.14754098360655737</v>
      </c>
      <c r="D21" s="11">
        <v>0.4098360655737705</v>
      </c>
      <c r="E21" s="11">
        <v>0.24590163934426229</v>
      </c>
      <c r="F21" s="11">
        <v>0.18032786885245902</v>
      </c>
      <c r="G21" s="11">
        <v>1.6393442622950821E-2</v>
      </c>
      <c r="H21" s="13"/>
    </row>
    <row r="22" spans="1:8" ht="15.95" customHeight="1">
      <c r="A22" s="12" t="s">
        <v>140</v>
      </c>
      <c r="B22" s="9" t="s">
        <v>28</v>
      </c>
      <c r="C22" s="11">
        <v>0.11475409836065574</v>
      </c>
      <c r="D22" s="11">
        <v>0.21311475409836064</v>
      </c>
      <c r="E22" s="11">
        <v>0.29508196721311475</v>
      </c>
      <c r="F22" s="11">
        <v>0.36065573770491804</v>
      </c>
      <c r="G22" s="11">
        <v>1.6393442622950821E-2</v>
      </c>
      <c r="H22" s="13"/>
    </row>
    <row r="23" spans="1:8" ht="15.95" customHeight="1">
      <c r="A23" s="12" t="s">
        <v>139</v>
      </c>
      <c r="B23" s="9" t="s">
        <v>29</v>
      </c>
      <c r="C23" s="11">
        <v>0.37704918032786883</v>
      </c>
      <c r="D23" s="11">
        <v>0.39344262295081966</v>
      </c>
      <c r="E23" s="11">
        <v>4.9180327868852458E-2</v>
      </c>
      <c r="F23" s="11">
        <v>4.9180327868852458E-2</v>
      </c>
      <c r="G23" s="11">
        <v>0.13114754098360656</v>
      </c>
      <c r="H23" s="13"/>
    </row>
    <row r="24" spans="1:8" ht="15.95" customHeight="1">
      <c r="A24" s="12" t="s">
        <v>140</v>
      </c>
      <c r="B24" s="9" t="s">
        <v>30</v>
      </c>
      <c r="C24" s="11">
        <v>0.11475409836065574</v>
      </c>
      <c r="D24" s="11">
        <v>0.39344262295081966</v>
      </c>
      <c r="E24" s="11">
        <v>0.22950819672131148</v>
      </c>
      <c r="F24" s="11">
        <v>0.19672131147540983</v>
      </c>
      <c r="G24" s="11">
        <v>6.5573770491803282E-2</v>
      </c>
      <c r="H24" s="13"/>
    </row>
    <row r="25" spans="1:8" ht="15" customHeight="1">
      <c r="A25" s="12" t="s">
        <v>141</v>
      </c>
      <c r="B25" s="12"/>
      <c r="H25" s="13"/>
    </row>
    <row r="26" spans="1:8" ht="36.75" customHeight="1">
      <c r="A26" s="12" t="s">
        <v>1</v>
      </c>
      <c r="B26" s="19" t="s">
        <v>31</v>
      </c>
      <c r="C26" s="19"/>
      <c r="D26" s="19"/>
      <c r="E26" s="19"/>
      <c r="F26" s="19"/>
      <c r="G26" s="19"/>
      <c r="H26" s="13"/>
    </row>
    <row r="27" spans="1:8" ht="15.95" customHeight="1">
      <c r="A27" s="12" t="s">
        <v>141</v>
      </c>
      <c r="B27" s="4"/>
      <c r="C27" s="10" t="s">
        <v>14</v>
      </c>
      <c r="D27" s="10" t="s">
        <v>15</v>
      </c>
      <c r="E27" s="10" t="s">
        <v>16</v>
      </c>
      <c r="F27" s="10" t="s">
        <v>17</v>
      </c>
      <c r="G27" s="10" t="s">
        <v>18</v>
      </c>
      <c r="H27" s="13"/>
    </row>
    <row r="28" spans="1:8" ht="15.95" customHeight="1">
      <c r="A28" s="12" t="s">
        <v>139</v>
      </c>
      <c r="B28" s="4" t="s">
        <v>32</v>
      </c>
      <c r="C28" s="11">
        <v>0.18032786885245902</v>
      </c>
      <c r="D28" s="11">
        <v>0.39344262295081966</v>
      </c>
      <c r="E28" s="11">
        <v>0.22950819672131148</v>
      </c>
      <c r="F28" s="11">
        <v>8.1967213114754092E-2</v>
      </c>
      <c r="G28" s="11">
        <v>0.11475409836065574</v>
      </c>
      <c r="H28" s="13"/>
    </row>
    <row r="29" spans="1:8" ht="15.95" customHeight="1">
      <c r="A29" s="12" t="s">
        <v>140</v>
      </c>
      <c r="B29" s="4" t="s">
        <v>33</v>
      </c>
      <c r="C29" s="11">
        <v>9.6774193548387094E-2</v>
      </c>
      <c r="D29" s="11">
        <v>0.27419354838709675</v>
      </c>
      <c r="E29" s="11">
        <v>0.32258064516129031</v>
      </c>
      <c r="F29" s="11">
        <v>0.19354838709677419</v>
      </c>
      <c r="G29" s="11">
        <v>0.11290322580645161</v>
      </c>
      <c r="H29" s="13"/>
    </row>
    <row r="30" spans="1:8" ht="15.95" customHeight="1">
      <c r="A30" s="12" t="s">
        <v>139</v>
      </c>
      <c r="B30" s="4" t="s">
        <v>20</v>
      </c>
      <c r="C30" s="11">
        <v>0.14516129032258066</v>
      </c>
      <c r="D30" s="11">
        <v>0.30645161290322581</v>
      </c>
      <c r="E30" s="11">
        <v>0.32258064516129031</v>
      </c>
      <c r="F30" s="11">
        <v>0.11290322580645161</v>
      </c>
      <c r="G30" s="11">
        <v>0.11290322580645161</v>
      </c>
      <c r="H30" s="13"/>
    </row>
    <row r="31" spans="1:8" ht="15.95" customHeight="1">
      <c r="A31" s="12" t="s">
        <v>140</v>
      </c>
      <c r="B31" s="4" t="s">
        <v>34</v>
      </c>
      <c r="C31" s="11">
        <v>0.40322580645161288</v>
      </c>
      <c r="D31" s="11">
        <v>0.27419354838709675</v>
      </c>
      <c r="E31" s="11">
        <v>8.0645161290322578E-2</v>
      </c>
      <c r="F31" s="11">
        <v>4.8387096774193547E-2</v>
      </c>
      <c r="G31" s="11">
        <v>0.19354838709677419</v>
      </c>
      <c r="H31" s="13"/>
    </row>
    <row r="32" spans="1:8" ht="15.95" customHeight="1">
      <c r="A32" s="12" t="s">
        <v>139</v>
      </c>
      <c r="B32" s="4" t="s">
        <v>35</v>
      </c>
      <c r="C32" s="11">
        <v>0.35483870967741937</v>
      </c>
      <c r="D32" s="11">
        <v>0.30645161290322581</v>
      </c>
      <c r="E32" s="11">
        <v>9.6774193548387094E-2</v>
      </c>
      <c r="F32" s="11">
        <v>6.4516129032258063E-2</v>
      </c>
      <c r="G32" s="11">
        <v>0.17741935483870969</v>
      </c>
      <c r="H32" s="13"/>
    </row>
    <row r="33" spans="1:8" ht="15.95" customHeight="1">
      <c r="A33" s="12" t="s">
        <v>140</v>
      </c>
      <c r="B33" s="4" t="s">
        <v>36</v>
      </c>
      <c r="C33" s="11">
        <v>0.17741935483870969</v>
      </c>
      <c r="D33" s="11">
        <v>0.30645161290322581</v>
      </c>
      <c r="E33" s="11">
        <v>0.29032258064516131</v>
      </c>
      <c r="F33" s="11">
        <v>8.0645161290322578E-2</v>
      </c>
      <c r="G33" s="11">
        <v>0.14516129032258066</v>
      </c>
      <c r="H33" s="13"/>
    </row>
    <row r="34" spans="1:8" ht="15.95" customHeight="1">
      <c r="A34" s="12" t="s">
        <v>141</v>
      </c>
      <c r="B34" s="4"/>
      <c r="C34" s="10"/>
      <c r="D34" s="10"/>
      <c r="E34" s="10"/>
      <c r="F34" s="10"/>
      <c r="G34" s="10"/>
      <c r="H34" s="13"/>
    </row>
    <row r="35" spans="1:8" ht="17.25" customHeight="1">
      <c r="A35" s="12" t="s">
        <v>1</v>
      </c>
      <c r="B35" s="4" t="s">
        <v>37</v>
      </c>
      <c r="H35" s="13"/>
    </row>
    <row r="36" spans="1:8" ht="15.95" customHeight="1">
      <c r="A36" s="12" t="s">
        <v>141</v>
      </c>
      <c r="B36" s="4"/>
      <c r="C36" s="10" t="s">
        <v>23</v>
      </c>
      <c r="D36" s="10" t="s">
        <v>24</v>
      </c>
      <c r="E36" s="10" t="s">
        <v>25</v>
      </c>
      <c r="F36" s="10" t="s">
        <v>26</v>
      </c>
      <c r="G36" s="10" t="s">
        <v>18</v>
      </c>
      <c r="H36" s="13"/>
    </row>
    <row r="37" spans="1:8" ht="15.95" customHeight="1">
      <c r="A37" s="12" t="s">
        <v>139</v>
      </c>
      <c r="B37" s="9" t="s">
        <v>38</v>
      </c>
      <c r="C37" s="11">
        <v>0.22580645161290322</v>
      </c>
      <c r="D37" s="11">
        <v>0.38709677419354838</v>
      </c>
      <c r="E37" s="11">
        <v>9.6774193548387094E-2</v>
      </c>
      <c r="F37" s="11">
        <v>4.8387096774193547E-2</v>
      </c>
      <c r="G37" s="11">
        <v>0.24193548387096775</v>
      </c>
      <c r="H37" s="13"/>
    </row>
    <row r="38" spans="1:8" ht="15.95" customHeight="1">
      <c r="A38" s="12" t="s">
        <v>140</v>
      </c>
      <c r="B38" s="9" t="s">
        <v>29</v>
      </c>
      <c r="C38" s="11">
        <v>0.33870967741935482</v>
      </c>
      <c r="D38" s="11">
        <v>0.35483870967741937</v>
      </c>
      <c r="E38" s="11">
        <v>8.0645161290322578E-2</v>
      </c>
      <c r="F38" s="11">
        <v>0</v>
      </c>
      <c r="G38" s="11">
        <v>0.22580645161290322</v>
      </c>
      <c r="H38" s="13"/>
    </row>
    <row r="39" spans="1:8" ht="15.95" customHeight="1">
      <c r="A39" s="12" t="s">
        <v>139</v>
      </c>
      <c r="B39" s="9" t="s">
        <v>39</v>
      </c>
      <c r="C39" s="11">
        <v>0.38709677419354838</v>
      </c>
      <c r="D39" s="11">
        <v>0.35483870967741937</v>
      </c>
      <c r="E39" s="11">
        <v>1.6129032258064516E-2</v>
      </c>
      <c r="F39" s="11">
        <v>0</v>
      </c>
      <c r="G39" s="11">
        <v>0.24193548387096775</v>
      </c>
      <c r="H39" s="13"/>
    </row>
    <row r="40" spans="1:8" ht="15.95" customHeight="1">
      <c r="A40" s="12" t="s">
        <v>140</v>
      </c>
      <c r="B40" s="9" t="s">
        <v>40</v>
      </c>
      <c r="C40" s="11">
        <v>0.41935483870967744</v>
      </c>
      <c r="D40" s="11">
        <v>0.32258064516129031</v>
      </c>
      <c r="E40" s="11">
        <v>1.6129032258064516E-2</v>
      </c>
      <c r="F40" s="11">
        <v>0</v>
      </c>
      <c r="G40" s="11">
        <v>0.24193548387096775</v>
      </c>
      <c r="H40" s="13"/>
    </row>
    <row r="41" spans="1:8" ht="15.95" customHeight="1">
      <c r="A41" s="12" t="s">
        <v>139</v>
      </c>
      <c r="B41" s="9" t="s">
        <v>30</v>
      </c>
      <c r="C41" s="11">
        <v>8.0645161290322578E-2</v>
      </c>
      <c r="D41" s="11">
        <v>0.35483870967741937</v>
      </c>
      <c r="E41" s="11">
        <v>0.22580645161290322</v>
      </c>
      <c r="F41" s="11">
        <v>0.14516129032258066</v>
      </c>
      <c r="G41" s="11">
        <v>0.19354838709677419</v>
      </c>
      <c r="H41" s="13"/>
    </row>
    <row r="42" spans="1:8" ht="15.95" customHeight="1">
      <c r="A42" s="12" t="s">
        <v>141</v>
      </c>
      <c r="B42" s="12"/>
      <c r="H42" s="13"/>
    </row>
    <row r="43" spans="1:8" ht="36" customHeight="1">
      <c r="A43" s="12" t="s">
        <v>1</v>
      </c>
      <c r="B43" s="19" t="s">
        <v>41</v>
      </c>
      <c r="C43" s="19"/>
      <c r="D43" s="19"/>
      <c r="E43" s="19"/>
      <c r="F43" s="19"/>
      <c r="G43" s="19"/>
      <c r="H43" s="13"/>
    </row>
    <row r="44" spans="1:8" ht="15.95" customHeight="1">
      <c r="A44" s="12" t="s">
        <v>141</v>
      </c>
      <c r="B44" s="14"/>
      <c r="C44" s="15" t="s">
        <v>14</v>
      </c>
      <c r="D44" s="15" t="s">
        <v>15</v>
      </c>
      <c r="E44" s="15" t="s">
        <v>16</v>
      </c>
      <c r="F44" s="15" t="s">
        <v>17</v>
      </c>
      <c r="G44" s="15" t="s">
        <v>18</v>
      </c>
      <c r="H44" s="13"/>
    </row>
    <row r="45" spans="1:8" ht="15.95" customHeight="1">
      <c r="A45" s="12" t="s">
        <v>139</v>
      </c>
      <c r="B45" s="14" t="s">
        <v>42</v>
      </c>
      <c r="C45" s="17">
        <v>8.4745762711864403E-2</v>
      </c>
      <c r="D45" s="17">
        <v>0.33898305084745761</v>
      </c>
      <c r="E45" s="17">
        <v>0.22033898305084745</v>
      </c>
      <c r="F45" s="17">
        <v>0.30508474576271188</v>
      </c>
      <c r="G45" s="17">
        <v>5.0847457627118647E-2</v>
      </c>
      <c r="H45" s="13"/>
    </row>
    <row r="46" spans="1:8" ht="15.95" customHeight="1">
      <c r="A46" s="12" t="s">
        <v>140</v>
      </c>
      <c r="B46" s="14" t="s">
        <v>43</v>
      </c>
      <c r="C46" s="17">
        <v>3.2786885245901641E-2</v>
      </c>
      <c r="D46" s="17">
        <v>0.21311475409836064</v>
      </c>
      <c r="E46" s="17">
        <v>0.21311475409836064</v>
      </c>
      <c r="F46" s="17">
        <v>0.47540983606557374</v>
      </c>
      <c r="G46" s="17">
        <v>6.5573770491803282E-2</v>
      </c>
      <c r="H46" s="13"/>
    </row>
    <row r="47" spans="1:8" ht="15.95" customHeight="1">
      <c r="A47" s="12" t="s">
        <v>139</v>
      </c>
      <c r="B47" s="14" t="s">
        <v>44</v>
      </c>
      <c r="C47" s="17">
        <v>0.05</v>
      </c>
      <c r="D47" s="17">
        <v>0.21666666666666667</v>
      </c>
      <c r="E47" s="17">
        <v>0.25</v>
      </c>
      <c r="F47" s="17">
        <v>0.4</v>
      </c>
      <c r="G47" s="17">
        <v>8.3333333333333329E-2</v>
      </c>
      <c r="H47" s="13"/>
    </row>
    <row r="48" spans="1:8" ht="15.95" customHeight="1">
      <c r="A48" s="12" t="s">
        <v>140</v>
      </c>
      <c r="B48" s="14" t="s">
        <v>45</v>
      </c>
      <c r="C48" s="17">
        <v>6.5573770491803282E-2</v>
      </c>
      <c r="D48" s="17">
        <v>0.26229508196721313</v>
      </c>
      <c r="E48" s="17">
        <v>0.24590163934426229</v>
      </c>
      <c r="F48" s="17">
        <v>0.37704918032786883</v>
      </c>
      <c r="G48" s="17">
        <v>4.9180327868852458E-2</v>
      </c>
      <c r="H48" s="13"/>
    </row>
    <row r="49" spans="1:8" ht="15.95" customHeight="1">
      <c r="A49" s="12" t="s">
        <v>139</v>
      </c>
      <c r="B49" s="14" t="s">
        <v>46</v>
      </c>
      <c r="C49" s="17">
        <v>4.9180327868852458E-2</v>
      </c>
      <c r="D49" s="17">
        <v>0.26229508196721313</v>
      </c>
      <c r="E49" s="17">
        <v>0.27868852459016391</v>
      </c>
      <c r="F49" s="17">
        <v>0.34426229508196721</v>
      </c>
      <c r="G49" s="17">
        <v>6.5573770491803282E-2</v>
      </c>
      <c r="H49" s="13"/>
    </row>
    <row r="50" spans="1:8" ht="15.95" customHeight="1">
      <c r="A50" s="12" t="s">
        <v>140</v>
      </c>
      <c r="B50" s="14" t="s">
        <v>47</v>
      </c>
      <c r="C50" s="17">
        <v>4.9180327868852458E-2</v>
      </c>
      <c r="D50" s="17">
        <v>0.4098360655737705</v>
      </c>
      <c r="E50" s="17">
        <v>0.27868852459016391</v>
      </c>
      <c r="F50" s="17">
        <v>0.19672131147540983</v>
      </c>
      <c r="G50" s="17">
        <v>6.5573770491803282E-2</v>
      </c>
      <c r="H50" s="13"/>
    </row>
    <row r="51" spans="1:8" ht="15.95" customHeight="1">
      <c r="A51" s="12" t="s">
        <v>139</v>
      </c>
      <c r="B51" s="14" t="s">
        <v>48</v>
      </c>
      <c r="C51" s="17">
        <v>0.26229508196721313</v>
      </c>
      <c r="D51" s="17">
        <v>0.45901639344262296</v>
      </c>
      <c r="E51" s="17">
        <v>8.1967213114754092E-2</v>
      </c>
      <c r="F51" s="17">
        <v>0.11475409836065574</v>
      </c>
      <c r="G51" s="17">
        <v>8.1967213114754092E-2</v>
      </c>
      <c r="H51" s="13"/>
    </row>
    <row r="52" spans="1:8" ht="15.95" customHeight="1">
      <c r="A52" s="12" t="s">
        <v>140</v>
      </c>
      <c r="B52" s="14" t="s">
        <v>49</v>
      </c>
      <c r="C52" s="17">
        <v>0.32786885245901637</v>
      </c>
      <c r="D52" s="17">
        <v>0.39344262295081966</v>
      </c>
      <c r="E52" s="17">
        <v>0.11475409836065574</v>
      </c>
      <c r="F52" s="17">
        <v>6.5573770491803282E-2</v>
      </c>
      <c r="G52" s="17">
        <v>9.8360655737704916E-2</v>
      </c>
      <c r="H52" s="13"/>
    </row>
    <row r="53" spans="1:8" ht="15.95" customHeight="1">
      <c r="A53" s="12" t="s">
        <v>139</v>
      </c>
      <c r="B53" s="14" t="s">
        <v>50</v>
      </c>
      <c r="C53" s="17">
        <v>0.21311475409836064</v>
      </c>
      <c r="D53" s="17">
        <v>0.21311475409836064</v>
      </c>
      <c r="E53" s="17">
        <v>0.22950819672131148</v>
      </c>
      <c r="F53" s="17">
        <v>0.27868852459016391</v>
      </c>
      <c r="G53" s="17">
        <v>6.5573770491803282E-2</v>
      </c>
      <c r="H53" s="13"/>
    </row>
    <row r="54" spans="1:8" ht="15.95" customHeight="1">
      <c r="A54" s="12" t="s">
        <v>140</v>
      </c>
      <c r="B54" s="14" t="s">
        <v>51</v>
      </c>
      <c r="C54" s="17">
        <v>0.21311475409836064</v>
      </c>
      <c r="D54" s="17">
        <v>0.21311475409836064</v>
      </c>
      <c r="E54" s="17">
        <v>0.24590163934426229</v>
      </c>
      <c r="F54" s="17">
        <v>0.27868852459016391</v>
      </c>
      <c r="G54" s="17">
        <v>4.9180327868852458E-2</v>
      </c>
      <c r="H54" s="13"/>
    </row>
    <row r="55" spans="1:8" ht="15.95" customHeight="1">
      <c r="A55" s="12" t="s">
        <v>139</v>
      </c>
      <c r="B55" s="14" t="s">
        <v>52</v>
      </c>
      <c r="C55" s="17">
        <v>0.31147540983606559</v>
      </c>
      <c r="D55" s="17">
        <v>0.4098360655737705</v>
      </c>
      <c r="E55" s="17">
        <v>8.1967213114754092E-2</v>
      </c>
      <c r="F55" s="17">
        <v>9.8360655737704916E-2</v>
      </c>
      <c r="G55" s="17">
        <v>9.8360655737704916E-2</v>
      </c>
      <c r="H55" s="13"/>
    </row>
    <row r="56" spans="1:8" ht="15.95" customHeight="1">
      <c r="A56" s="12" t="s">
        <v>141</v>
      </c>
      <c r="B56" s="12"/>
      <c r="H56" s="13"/>
    </row>
    <row r="57" spans="1:8" ht="15.95" customHeight="1">
      <c r="A57" s="12" t="s">
        <v>1</v>
      </c>
      <c r="B57" s="4" t="s">
        <v>53</v>
      </c>
      <c r="H57" s="13"/>
    </row>
    <row r="58" spans="1:8" ht="15.95" customHeight="1">
      <c r="A58" s="12" t="s">
        <v>141</v>
      </c>
      <c r="B58" s="14"/>
      <c r="C58" s="15" t="s">
        <v>23</v>
      </c>
      <c r="D58" s="15" t="s">
        <v>24</v>
      </c>
      <c r="E58" s="15" t="s">
        <v>25</v>
      </c>
      <c r="F58" s="15" t="s">
        <v>26</v>
      </c>
      <c r="G58" s="15" t="s">
        <v>18</v>
      </c>
      <c r="H58" s="13"/>
    </row>
    <row r="59" spans="1:8" ht="15.95" customHeight="1">
      <c r="A59" s="12" t="s">
        <v>139</v>
      </c>
      <c r="B59" s="16" t="s">
        <v>54</v>
      </c>
      <c r="C59" s="17">
        <v>4.9180327868852458E-2</v>
      </c>
      <c r="D59" s="17">
        <v>0.39344262295081966</v>
      </c>
      <c r="E59" s="17">
        <v>0.34426229508196721</v>
      </c>
      <c r="F59" s="17">
        <v>0.11475409836065574</v>
      </c>
      <c r="G59" s="17">
        <v>9.8360655737704916E-2</v>
      </c>
      <c r="H59" s="13"/>
    </row>
    <row r="60" spans="1:8" ht="30" customHeight="1">
      <c r="A60" s="12" t="s">
        <v>140</v>
      </c>
      <c r="B60" s="16" t="s">
        <v>55</v>
      </c>
      <c r="C60" s="17">
        <v>0.31666666666666665</v>
      </c>
      <c r="D60" s="17">
        <v>0.46666666666666667</v>
      </c>
      <c r="E60" s="17">
        <v>8.3333333333333329E-2</v>
      </c>
      <c r="F60" s="17">
        <v>1.6666666666666666E-2</v>
      </c>
      <c r="G60" s="17">
        <v>0.11666666666666667</v>
      </c>
      <c r="H60" s="13"/>
    </row>
    <row r="61" spans="1:8" ht="15.95" customHeight="1">
      <c r="A61" s="12" t="s">
        <v>139</v>
      </c>
      <c r="B61" s="16" t="s">
        <v>56</v>
      </c>
      <c r="C61" s="17">
        <v>0.21311475409836064</v>
      </c>
      <c r="D61" s="17">
        <v>0.37704918032786883</v>
      </c>
      <c r="E61" s="17">
        <v>0.21311475409836064</v>
      </c>
      <c r="F61" s="17">
        <v>6.5573770491803282E-2</v>
      </c>
      <c r="G61" s="17">
        <v>0.13114754098360656</v>
      </c>
      <c r="H61" s="13"/>
    </row>
    <row r="62" spans="1:8" ht="15.95" customHeight="1">
      <c r="A62" s="12" t="s">
        <v>140</v>
      </c>
      <c r="B62" s="16" t="s">
        <v>30</v>
      </c>
      <c r="C62" s="17">
        <v>0.11475409836065574</v>
      </c>
      <c r="D62" s="17">
        <v>0.34426229508196721</v>
      </c>
      <c r="E62" s="17">
        <v>0.27868852459016391</v>
      </c>
      <c r="F62" s="17">
        <v>0.14754098360655737</v>
      </c>
      <c r="G62" s="17">
        <v>0.11475409836065574</v>
      </c>
      <c r="H62" s="13"/>
    </row>
    <row r="63" spans="1:8" ht="15.95" customHeight="1">
      <c r="A63" s="12" t="s">
        <v>139</v>
      </c>
      <c r="B63" s="16" t="s">
        <v>57</v>
      </c>
      <c r="C63" s="17">
        <v>0.4</v>
      </c>
      <c r="D63" s="17">
        <v>0.33333333333333331</v>
      </c>
      <c r="E63" s="17">
        <v>0.15</v>
      </c>
      <c r="F63" s="17">
        <v>0</v>
      </c>
      <c r="G63" s="17">
        <v>0.11666666666666667</v>
      </c>
      <c r="H63" s="13"/>
    </row>
    <row r="64" spans="1:8" ht="15.95" customHeight="1">
      <c r="A64" s="12" t="s">
        <v>141</v>
      </c>
      <c r="B64" s="12"/>
      <c r="H64" s="13"/>
    </row>
    <row r="65" spans="1:8" ht="58.5" customHeight="1">
      <c r="A65" s="12" t="s">
        <v>1</v>
      </c>
      <c r="B65" s="20" t="s">
        <v>58</v>
      </c>
      <c r="C65" s="20"/>
      <c r="D65" s="20"/>
      <c r="E65" s="20"/>
      <c r="F65" s="20"/>
      <c r="G65" s="20"/>
      <c r="H65" s="13"/>
    </row>
    <row r="66" spans="1:8" ht="15.95" customHeight="1">
      <c r="A66" s="12" t="s">
        <v>141</v>
      </c>
      <c r="B66" s="14"/>
      <c r="C66" s="15" t="s">
        <v>23</v>
      </c>
      <c r="D66" s="15" t="s">
        <v>24</v>
      </c>
      <c r="E66" s="15" t="s">
        <v>25</v>
      </c>
      <c r="F66" s="15" t="s">
        <v>26</v>
      </c>
      <c r="G66" s="15" t="s">
        <v>18</v>
      </c>
      <c r="H66" s="13"/>
    </row>
    <row r="67" spans="1:8" ht="15.95" customHeight="1">
      <c r="A67" s="12" t="s">
        <v>139</v>
      </c>
      <c r="B67" s="16" t="s">
        <v>59</v>
      </c>
      <c r="C67" s="17">
        <v>4.9180327868852458E-2</v>
      </c>
      <c r="D67" s="17">
        <v>0.39344262295081966</v>
      </c>
      <c r="E67" s="17">
        <v>0.36065573770491804</v>
      </c>
      <c r="F67" s="17">
        <v>0.13114754098360656</v>
      </c>
      <c r="G67" s="17">
        <v>6.5573770491803282E-2</v>
      </c>
      <c r="H67" s="13"/>
    </row>
    <row r="68" spans="1:8" ht="30.75" customHeight="1">
      <c r="A68" s="12" t="s">
        <v>140</v>
      </c>
      <c r="B68" s="16" t="s">
        <v>60</v>
      </c>
      <c r="C68" s="17">
        <v>0.14754098360655737</v>
      </c>
      <c r="D68" s="17">
        <v>0.47540983606557374</v>
      </c>
      <c r="E68" s="17">
        <v>0.22950819672131148</v>
      </c>
      <c r="F68" s="17">
        <v>3.2786885245901641E-2</v>
      </c>
      <c r="G68" s="17">
        <v>0.11475409836065574</v>
      </c>
      <c r="H68" s="13"/>
    </row>
    <row r="69" spans="1:8" ht="15.95" customHeight="1">
      <c r="A69" s="12" t="s">
        <v>139</v>
      </c>
      <c r="B69" s="16" t="s">
        <v>61</v>
      </c>
      <c r="C69" s="17">
        <v>0.11475409836065574</v>
      </c>
      <c r="D69" s="17">
        <v>0.49180327868852458</v>
      </c>
      <c r="E69" s="17">
        <v>0.24590163934426229</v>
      </c>
      <c r="F69" s="17">
        <v>1.6393442622950821E-2</v>
      </c>
      <c r="G69" s="17">
        <v>0.13114754098360656</v>
      </c>
      <c r="H69" s="13"/>
    </row>
    <row r="70" spans="1:8" ht="15.95" customHeight="1">
      <c r="A70" s="12" t="s">
        <v>140</v>
      </c>
      <c r="B70" s="16" t="s">
        <v>62</v>
      </c>
      <c r="C70" s="17">
        <v>0.19672131147540983</v>
      </c>
      <c r="D70" s="17">
        <v>0.52459016393442626</v>
      </c>
      <c r="E70" s="17">
        <v>9.8360655737704916E-2</v>
      </c>
      <c r="F70" s="17">
        <v>1.6393442622950821E-2</v>
      </c>
      <c r="G70" s="17">
        <v>0.16393442622950818</v>
      </c>
      <c r="H70" s="13"/>
    </row>
    <row r="71" spans="1:8" ht="15.95" customHeight="1">
      <c r="A71" s="12" t="s">
        <v>139</v>
      </c>
      <c r="B71" s="16" t="s">
        <v>63</v>
      </c>
      <c r="C71" s="17">
        <v>6.5573770491803282E-2</v>
      </c>
      <c r="D71" s="17">
        <v>0.29508196721311475</v>
      </c>
      <c r="E71" s="17">
        <v>0.37704918032786883</v>
      </c>
      <c r="F71" s="17">
        <v>0.16393442622950818</v>
      </c>
      <c r="G71" s="17">
        <v>9.8360655737704916E-2</v>
      </c>
      <c r="H71" s="13"/>
    </row>
    <row r="72" spans="1:8" ht="15.95" customHeight="1">
      <c r="A72" s="12" t="s">
        <v>140</v>
      </c>
      <c r="B72" s="16" t="s">
        <v>64</v>
      </c>
      <c r="C72" s="17">
        <v>4.9180327868852458E-2</v>
      </c>
      <c r="D72" s="17">
        <v>0.26229508196721313</v>
      </c>
      <c r="E72" s="17">
        <v>0.39344262295081966</v>
      </c>
      <c r="F72" s="17">
        <v>0.21311475409836064</v>
      </c>
      <c r="G72" s="17">
        <v>8.1967213114754092E-2</v>
      </c>
      <c r="H72" s="13"/>
    </row>
    <row r="73" spans="1:8" ht="15.95" customHeight="1">
      <c r="A73" s="12" t="s">
        <v>141</v>
      </c>
      <c r="B73" s="12"/>
      <c r="H73" s="13"/>
    </row>
    <row r="74" spans="1:8" ht="38.25" customHeight="1">
      <c r="A74" s="12" t="s">
        <v>1</v>
      </c>
      <c r="B74" s="21" t="s">
        <v>65</v>
      </c>
      <c r="C74" s="21"/>
      <c r="D74" s="21"/>
      <c r="E74" s="21"/>
      <c r="F74" s="21"/>
      <c r="G74" s="21"/>
      <c r="H74" s="13"/>
    </row>
    <row r="75" spans="1:8" ht="15.95" customHeight="1">
      <c r="A75" s="12"/>
      <c r="B75" s="14"/>
      <c r="C75" s="15" t="s">
        <v>3</v>
      </c>
      <c r="D75" s="15"/>
      <c r="E75" s="15"/>
      <c r="F75" s="15"/>
      <c r="G75" s="15"/>
      <c r="H75" s="13"/>
    </row>
    <row r="76" spans="1:8" ht="15.95" customHeight="1">
      <c r="A76" s="12" t="s">
        <v>139</v>
      </c>
      <c r="B76" s="14" t="s">
        <v>43</v>
      </c>
      <c r="C76" s="15">
        <v>1</v>
      </c>
      <c r="D76" s="15"/>
      <c r="E76" s="15"/>
      <c r="F76" s="15"/>
      <c r="G76" s="15"/>
      <c r="H76" s="13"/>
    </row>
    <row r="77" spans="1:8" ht="15.95" customHeight="1">
      <c r="A77" s="12" t="s">
        <v>140</v>
      </c>
      <c r="B77" s="14" t="s">
        <v>45</v>
      </c>
      <c r="C77" s="15">
        <v>2</v>
      </c>
      <c r="D77" s="15"/>
      <c r="E77" s="15"/>
      <c r="F77" s="15"/>
      <c r="G77" s="15"/>
      <c r="H77" s="13"/>
    </row>
    <row r="78" spans="1:8" ht="15.95" customHeight="1">
      <c r="A78" s="12" t="s">
        <v>139</v>
      </c>
      <c r="B78" s="14" t="s">
        <v>42</v>
      </c>
      <c r="C78" s="15">
        <v>3</v>
      </c>
      <c r="D78" s="15"/>
      <c r="E78" s="15"/>
      <c r="F78" s="15"/>
      <c r="G78" s="15"/>
      <c r="H78" s="13"/>
    </row>
    <row r="79" spans="1:8" ht="15.95" customHeight="1">
      <c r="A79" s="12" t="s">
        <v>140</v>
      </c>
      <c r="B79" s="14" t="s">
        <v>44</v>
      </c>
      <c r="C79" s="15">
        <v>4</v>
      </c>
      <c r="D79" s="15"/>
      <c r="E79" s="15"/>
      <c r="F79" s="15"/>
      <c r="G79" s="15"/>
      <c r="H79" s="13"/>
    </row>
    <row r="80" spans="1:8" ht="15.95" customHeight="1">
      <c r="A80" s="12" t="s">
        <v>139</v>
      </c>
      <c r="B80" s="14" t="s">
        <v>47</v>
      </c>
      <c r="C80" s="15">
        <v>5</v>
      </c>
      <c r="D80" s="15"/>
      <c r="E80" s="15"/>
      <c r="F80" s="15"/>
      <c r="G80" s="15"/>
      <c r="H80" s="13"/>
    </row>
    <row r="81" spans="1:8" ht="15.95" customHeight="1">
      <c r="A81" s="12" t="s">
        <v>140</v>
      </c>
      <c r="B81" s="14" t="s">
        <v>50</v>
      </c>
      <c r="C81" s="15">
        <v>6</v>
      </c>
      <c r="D81" s="15"/>
      <c r="E81" s="15"/>
      <c r="F81" s="15"/>
      <c r="G81" s="15"/>
      <c r="H81" s="13"/>
    </row>
    <row r="82" spans="1:8" ht="15.95" customHeight="1">
      <c r="A82" s="12" t="s">
        <v>139</v>
      </c>
      <c r="B82" s="14" t="s">
        <v>51</v>
      </c>
      <c r="C82" s="15">
        <v>7</v>
      </c>
      <c r="D82" s="15"/>
      <c r="E82" s="15"/>
      <c r="F82" s="15"/>
      <c r="G82" s="15"/>
      <c r="H82" s="13"/>
    </row>
    <row r="83" spans="1:8" ht="15.95" customHeight="1">
      <c r="A83" s="12" t="s">
        <v>140</v>
      </c>
      <c r="B83" s="14" t="s">
        <v>48</v>
      </c>
      <c r="C83" s="15">
        <v>8</v>
      </c>
      <c r="D83" s="15"/>
      <c r="E83" s="15"/>
      <c r="F83" s="15"/>
      <c r="G83" s="15"/>
      <c r="H83" s="13"/>
    </row>
    <row r="84" spans="1:8" ht="15.95" customHeight="1">
      <c r="A84" s="12" t="s">
        <v>139</v>
      </c>
      <c r="B84" s="14" t="s">
        <v>52</v>
      </c>
      <c r="C84" s="15">
        <v>9</v>
      </c>
      <c r="D84" s="15"/>
      <c r="E84" s="15"/>
      <c r="F84" s="15"/>
      <c r="G84" s="15"/>
      <c r="H84" s="13"/>
    </row>
    <row r="85" spans="1:8" ht="15.95" customHeight="1">
      <c r="A85" s="12" t="s">
        <v>140</v>
      </c>
      <c r="B85" s="14" t="s">
        <v>49</v>
      </c>
      <c r="C85" s="15">
        <v>10</v>
      </c>
      <c r="D85" s="15"/>
      <c r="E85" s="15"/>
      <c r="F85" s="15"/>
      <c r="G85" s="15"/>
      <c r="H85" s="13"/>
    </row>
    <row r="86" spans="1:8" ht="15" customHeight="1">
      <c r="A86" s="12" t="s">
        <v>141</v>
      </c>
      <c r="B86" s="12"/>
      <c r="H86" s="13"/>
    </row>
    <row r="87" spans="1:8" ht="18.75" customHeight="1">
      <c r="A87" s="12" t="s">
        <v>1</v>
      </c>
      <c r="B87" s="14" t="s">
        <v>66</v>
      </c>
      <c r="H87" s="13"/>
    </row>
    <row r="88" spans="1:8" ht="15.95" customHeight="1">
      <c r="A88" s="12" t="s">
        <v>141</v>
      </c>
      <c r="B88" s="14"/>
      <c r="C88" s="15" t="s">
        <v>67</v>
      </c>
      <c r="D88" s="15" t="s">
        <v>68</v>
      </c>
      <c r="E88" s="15" t="s">
        <v>69</v>
      </c>
      <c r="F88" s="15" t="s">
        <v>70</v>
      </c>
      <c r="G88" s="15" t="s">
        <v>71</v>
      </c>
      <c r="H88" s="13"/>
    </row>
    <row r="89" spans="1:8" ht="15.95" customHeight="1">
      <c r="A89" s="12" t="s">
        <v>139</v>
      </c>
      <c r="B89" s="16" t="s">
        <v>72</v>
      </c>
      <c r="C89" s="17">
        <v>0.72580645161290325</v>
      </c>
      <c r="D89" s="17">
        <v>0.19354838709677419</v>
      </c>
      <c r="E89" s="17">
        <v>6.4516129032258063E-2</v>
      </c>
      <c r="F89" s="17">
        <v>0</v>
      </c>
      <c r="G89" s="17">
        <v>1.6129032258064516E-2</v>
      </c>
      <c r="H89" s="13"/>
    </row>
    <row r="90" spans="1:8" ht="15.95" customHeight="1">
      <c r="A90" s="12" t="s">
        <v>140</v>
      </c>
      <c r="B90" s="16" t="s">
        <v>73</v>
      </c>
      <c r="C90" s="17">
        <v>0.54838709677419351</v>
      </c>
      <c r="D90" s="17">
        <v>0.32258064516129031</v>
      </c>
      <c r="E90" s="17">
        <v>9.6774193548387094E-2</v>
      </c>
      <c r="F90" s="17">
        <v>0</v>
      </c>
      <c r="G90" s="17">
        <v>3.2258064516129031E-2</v>
      </c>
      <c r="H90" s="13"/>
    </row>
    <row r="91" spans="1:8" ht="15.95" customHeight="1">
      <c r="A91" s="12" t="s">
        <v>139</v>
      </c>
      <c r="B91" s="16" t="s">
        <v>74</v>
      </c>
      <c r="C91" s="17">
        <v>0.47540983606557374</v>
      </c>
      <c r="D91" s="17">
        <v>0.26229508196721313</v>
      </c>
      <c r="E91" s="17">
        <v>0.14754098360655737</v>
      </c>
      <c r="F91" s="17">
        <v>3.2786885245901641E-2</v>
      </c>
      <c r="G91" s="17">
        <v>8.1967213114754092E-2</v>
      </c>
      <c r="H91" s="13"/>
    </row>
    <row r="92" spans="1:8" ht="15.95" customHeight="1">
      <c r="A92" s="12" t="s">
        <v>140</v>
      </c>
      <c r="B92" s="16" t="s">
        <v>75</v>
      </c>
      <c r="C92" s="17">
        <v>0.532258064516129</v>
      </c>
      <c r="D92" s="17">
        <v>0.20967741935483872</v>
      </c>
      <c r="E92" s="17">
        <v>0.20967741935483872</v>
      </c>
      <c r="F92" s="17">
        <v>0</v>
      </c>
      <c r="G92" s="17">
        <v>4.8387096774193547E-2</v>
      </c>
      <c r="H92" s="13"/>
    </row>
    <row r="93" spans="1:8" ht="15.95" customHeight="1">
      <c r="A93" s="12" t="s">
        <v>139</v>
      </c>
      <c r="B93" s="16" t="s">
        <v>76</v>
      </c>
      <c r="C93" s="17">
        <v>0.46774193548387094</v>
      </c>
      <c r="D93" s="17">
        <v>0.22580645161290322</v>
      </c>
      <c r="E93" s="17">
        <v>0.24193548387096775</v>
      </c>
      <c r="F93" s="17">
        <v>1.6129032258064516E-2</v>
      </c>
      <c r="G93" s="17">
        <v>4.8387096774193547E-2</v>
      </c>
      <c r="H93" s="13"/>
    </row>
    <row r="94" spans="1:8" ht="15.95" customHeight="1">
      <c r="A94" s="12" t="s">
        <v>140</v>
      </c>
      <c r="B94" s="16" t="s">
        <v>77</v>
      </c>
      <c r="C94" s="17">
        <v>0.532258064516129</v>
      </c>
      <c r="D94" s="17">
        <v>0.32258064516129031</v>
      </c>
      <c r="E94" s="17">
        <v>9.6774193548387094E-2</v>
      </c>
      <c r="F94" s="17">
        <v>3.2258064516129031E-2</v>
      </c>
      <c r="G94" s="17">
        <v>1.6129032258064516E-2</v>
      </c>
      <c r="H94" s="13"/>
    </row>
    <row r="95" spans="1:8" ht="15.95" customHeight="1">
      <c r="A95" s="12" t="s">
        <v>139</v>
      </c>
      <c r="B95" s="16" t="s">
        <v>78</v>
      </c>
      <c r="C95" s="17">
        <v>0.4838709677419355</v>
      </c>
      <c r="D95" s="17">
        <v>0.25806451612903225</v>
      </c>
      <c r="E95" s="17">
        <v>0.20967741935483872</v>
      </c>
      <c r="F95" s="17">
        <v>0</v>
      </c>
      <c r="G95" s="17">
        <v>4.8387096774193547E-2</v>
      </c>
      <c r="H95" s="13"/>
    </row>
    <row r="96" spans="1:8" ht="15.95" customHeight="1">
      <c r="A96" s="12" t="s">
        <v>140</v>
      </c>
      <c r="B96" s="16" t="s">
        <v>79</v>
      </c>
      <c r="C96" s="17">
        <v>0.38709677419354838</v>
      </c>
      <c r="D96" s="17">
        <v>0.30645161290322581</v>
      </c>
      <c r="E96" s="17">
        <v>0.20967741935483872</v>
      </c>
      <c r="F96" s="17">
        <v>6.4516129032258063E-2</v>
      </c>
      <c r="G96" s="17">
        <v>3.2258064516129031E-2</v>
      </c>
      <c r="H96" s="13"/>
    </row>
    <row r="97" spans="1:8" ht="15.95" customHeight="1">
      <c r="A97" s="12" t="s">
        <v>139</v>
      </c>
      <c r="B97" s="16" t="s">
        <v>80</v>
      </c>
      <c r="C97" s="17">
        <v>0.72580645161290325</v>
      </c>
      <c r="D97" s="17">
        <v>0.11290322580645161</v>
      </c>
      <c r="E97" s="17">
        <v>8.0645161290322578E-2</v>
      </c>
      <c r="F97" s="17">
        <v>1.6129032258064516E-2</v>
      </c>
      <c r="G97" s="17">
        <v>6.4516129032258063E-2</v>
      </c>
      <c r="H97" s="13"/>
    </row>
    <row r="98" spans="1:8" ht="15.95" customHeight="1">
      <c r="A98" s="12" t="s">
        <v>140</v>
      </c>
      <c r="B98" s="16" t="s">
        <v>81</v>
      </c>
      <c r="C98" s="17">
        <v>0.37096774193548387</v>
      </c>
      <c r="D98" s="17">
        <v>0.22580645161290322</v>
      </c>
      <c r="E98" s="17">
        <v>0.29032258064516131</v>
      </c>
      <c r="F98" s="17">
        <v>3.2258064516129031E-2</v>
      </c>
      <c r="G98" s="17">
        <v>8.0645161290322578E-2</v>
      </c>
      <c r="H98" s="13"/>
    </row>
    <row r="99" spans="1:8" ht="15.95" customHeight="1">
      <c r="A99" s="12" t="s">
        <v>139</v>
      </c>
      <c r="B99" s="16" t="s">
        <v>82</v>
      </c>
      <c r="C99" s="17">
        <v>0.45161290322580644</v>
      </c>
      <c r="D99" s="17">
        <v>0.33870967741935482</v>
      </c>
      <c r="E99" s="17">
        <v>0.14516129032258066</v>
      </c>
      <c r="F99" s="17">
        <v>1.6129032258064516E-2</v>
      </c>
      <c r="G99" s="17">
        <v>4.8387096774193547E-2</v>
      </c>
      <c r="H99" s="13"/>
    </row>
    <row r="100" spans="1:8" ht="15" customHeight="1">
      <c r="A100" s="12" t="s">
        <v>141</v>
      </c>
      <c r="B100" s="12"/>
      <c r="H100" s="13"/>
    </row>
    <row r="101" spans="1:8" ht="36" customHeight="1">
      <c r="A101" s="12" t="s">
        <v>1</v>
      </c>
      <c r="B101" s="20" t="s">
        <v>83</v>
      </c>
      <c r="C101" s="20"/>
      <c r="D101" s="20"/>
      <c r="E101" s="20"/>
      <c r="F101" s="20"/>
      <c r="G101" s="20"/>
      <c r="H101" s="13"/>
    </row>
    <row r="102" spans="1:8" ht="15.95" customHeight="1">
      <c r="A102" s="12" t="s">
        <v>139</v>
      </c>
      <c r="B102" s="14" t="s">
        <v>84</v>
      </c>
      <c r="C102" s="17">
        <v>0</v>
      </c>
      <c r="D102" s="15"/>
      <c r="E102" s="15"/>
      <c r="F102" s="15"/>
      <c r="G102" s="15"/>
      <c r="H102" s="13"/>
    </row>
    <row r="103" spans="1:8" ht="15.95" customHeight="1">
      <c r="A103" s="12" t="s">
        <v>140</v>
      </c>
      <c r="B103" s="14" t="s">
        <v>85</v>
      </c>
      <c r="C103" s="17">
        <v>1.6129032258064516E-2</v>
      </c>
      <c r="D103" s="15"/>
      <c r="E103" s="15"/>
      <c r="F103" s="15"/>
      <c r="G103" s="15"/>
      <c r="H103" s="13"/>
    </row>
    <row r="104" spans="1:8" ht="15.95" customHeight="1">
      <c r="A104" s="12" t="s">
        <v>139</v>
      </c>
      <c r="B104" s="14" t="s">
        <v>86</v>
      </c>
      <c r="C104" s="17">
        <v>0.4838709677419355</v>
      </c>
      <c r="D104" s="15"/>
      <c r="E104" s="15"/>
      <c r="F104" s="15"/>
      <c r="G104" s="15"/>
      <c r="H104" s="13"/>
    </row>
    <row r="105" spans="1:8" ht="15.95" customHeight="1">
      <c r="A105" s="12" t="s">
        <v>140</v>
      </c>
      <c r="B105" s="14" t="s">
        <v>87</v>
      </c>
      <c r="C105" s="17">
        <v>0.41935483870967744</v>
      </c>
      <c r="D105" s="15"/>
      <c r="E105" s="15"/>
      <c r="F105" s="15"/>
      <c r="G105" s="15"/>
      <c r="H105" s="13"/>
    </row>
    <row r="106" spans="1:8" ht="15.95" customHeight="1">
      <c r="A106" s="12" t="s">
        <v>139</v>
      </c>
      <c r="B106" s="14" t="s">
        <v>18</v>
      </c>
      <c r="C106" s="17">
        <v>8.0645161290322578E-2</v>
      </c>
      <c r="D106" s="15"/>
      <c r="E106" s="15"/>
      <c r="F106" s="15"/>
      <c r="G106" s="15"/>
      <c r="H106" s="13"/>
    </row>
    <row r="107" spans="1:8" ht="15.95" customHeight="1">
      <c r="A107" s="12" t="s">
        <v>141</v>
      </c>
      <c r="B107" s="14"/>
      <c r="C107" s="17"/>
      <c r="D107" s="15"/>
      <c r="E107" s="15"/>
      <c r="F107" s="15"/>
      <c r="G107" s="15"/>
      <c r="H107" s="13"/>
    </row>
    <row r="108" spans="1:8" ht="35.25" customHeight="1">
      <c r="A108" s="12" t="s">
        <v>1</v>
      </c>
      <c r="B108" s="20" t="s">
        <v>88</v>
      </c>
      <c r="C108" s="20"/>
      <c r="D108" s="20"/>
      <c r="E108" s="20"/>
      <c r="F108" s="20"/>
      <c r="G108" s="20"/>
      <c r="H108" s="13"/>
    </row>
    <row r="109" spans="1:8" s="14" customFormat="1" ht="15.95" customHeight="1">
      <c r="A109" s="14" t="s">
        <v>139</v>
      </c>
      <c r="B109" s="14" t="s">
        <v>89</v>
      </c>
      <c r="C109" s="17">
        <v>0.49180327868852458</v>
      </c>
      <c r="D109" s="15"/>
      <c r="E109" s="15"/>
      <c r="F109" s="15"/>
      <c r="G109" s="15"/>
      <c r="H109" s="13"/>
    </row>
    <row r="110" spans="1:8" s="14" customFormat="1" ht="15.95" customHeight="1">
      <c r="A110" s="14" t="s">
        <v>140</v>
      </c>
      <c r="B110" s="14" t="s">
        <v>90</v>
      </c>
      <c r="C110" s="17">
        <v>0.26229508196721313</v>
      </c>
      <c r="D110" s="15"/>
      <c r="E110" s="15"/>
      <c r="F110" s="15"/>
      <c r="G110" s="15"/>
      <c r="H110" s="13"/>
    </row>
    <row r="111" spans="1:8" s="14" customFormat="1" ht="15.95" customHeight="1">
      <c r="A111" s="14" t="s">
        <v>139</v>
      </c>
      <c r="B111" s="14" t="s">
        <v>91</v>
      </c>
      <c r="C111" s="17">
        <v>0.19672131147540983</v>
      </c>
      <c r="D111" s="15"/>
      <c r="E111" s="15"/>
      <c r="F111" s="15"/>
      <c r="G111" s="15"/>
      <c r="H111" s="13"/>
    </row>
    <row r="112" spans="1:8" s="14" customFormat="1" ht="15.95" customHeight="1">
      <c r="A112" s="14" t="s">
        <v>140</v>
      </c>
      <c r="B112" s="14" t="s">
        <v>92</v>
      </c>
      <c r="C112" s="17">
        <v>1.6393442622950821E-2</v>
      </c>
      <c r="D112" s="15"/>
      <c r="E112" s="15"/>
      <c r="F112" s="15"/>
      <c r="G112" s="15"/>
      <c r="H112" s="13"/>
    </row>
    <row r="113" spans="1:8" s="14" customFormat="1" ht="15.95" customHeight="1">
      <c r="A113" s="14" t="s">
        <v>139</v>
      </c>
      <c r="B113" s="14" t="s">
        <v>18</v>
      </c>
      <c r="C113" s="17">
        <v>3.2786885245901641E-2</v>
      </c>
      <c r="D113" s="15"/>
      <c r="E113" s="15"/>
      <c r="F113" s="15"/>
      <c r="G113" s="15"/>
      <c r="H113" s="13"/>
    </row>
    <row r="114" spans="1:8" s="14" customFormat="1" ht="15.95" customHeight="1">
      <c r="A114" s="14" t="s">
        <v>141</v>
      </c>
      <c r="C114" s="15"/>
      <c r="D114" s="15"/>
      <c r="E114" s="15"/>
      <c r="F114" s="15"/>
      <c r="G114" s="15"/>
    </row>
    <row r="115" spans="1:8" s="14" customFormat="1" ht="15.95" customHeight="1">
      <c r="A115" s="14" t="s">
        <v>1</v>
      </c>
      <c r="B115" s="14" t="s">
        <v>93</v>
      </c>
      <c r="C115" s="15"/>
      <c r="D115" s="15"/>
      <c r="E115" s="15"/>
      <c r="F115" s="15"/>
      <c r="G115" s="15"/>
    </row>
    <row r="116" spans="1:8" s="14" customFormat="1" ht="15.95" customHeight="1">
      <c r="A116" s="14" t="s">
        <v>139</v>
      </c>
      <c r="B116" s="14" t="s">
        <v>17</v>
      </c>
      <c r="C116" s="17">
        <v>0.45161290322580644</v>
      </c>
      <c r="D116" s="15"/>
      <c r="E116" s="15"/>
      <c r="F116" s="15"/>
      <c r="G116" s="15"/>
    </row>
    <row r="117" spans="1:8" s="14" customFormat="1" ht="15.95" customHeight="1">
      <c r="A117" s="14" t="s">
        <v>140</v>
      </c>
      <c r="B117" s="14" t="s">
        <v>16</v>
      </c>
      <c r="C117" s="17">
        <v>0.32258064516129031</v>
      </c>
      <c r="D117" s="15"/>
      <c r="E117" s="15"/>
      <c r="F117" s="15"/>
      <c r="G117" s="15"/>
    </row>
    <row r="118" spans="1:8" s="14" customFormat="1" ht="15.95" customHeight="1">
      <c r="A118" s="14" t="s">
        <v>139</v>
      </c>
      <c r="B118" s="14" t="s">
        <v>15</v>
      </c>
      <c r="C118" s="17">
        <v>0.19354838709677419</v>
      </c>
      <c r="D118" s="15"/>
      <c r="E118" s="15"/>
      <c r="F118" s="15"/>
      <c r="G118" s="15"/>
    </row>
    <row r="119" spans="1:8" s="14" customFormat="1" ht="15.95" customHeight="1">
      <c r="A119" s="14" t="s">
        <v>140</v>
      </c>
      <c r="B119" s="14" t="s">
        <v>14</v>
      </c>
      <c r="C119" s="17">
        <v>0</v>
      </c>
      <c r="D119" s="15"/>
      <c r="E119" s="15"/>
      <c r="F119" s="15"/>
      <c r="G119" s="15"/>
    </row>
    <row r="120" spans="1:8" s="14" customFormat="1" ht="15.95" customHeight="1">
      <c r="A120" s="14" t="s">
        <v>139</v>
      </c>
      <c r="B120" s="14" t="s">
        <v>18</v>
      </c>
      <c r="C120" s="17">
        <v>3.2258064516129031E-2</v>
      </c>
      <c r="D120" s="15"/>
      <c r="E120" s="15"/>
      <c r="F120" s="15"/>
      <c r="G120" s="15"/>
    </row>
    <row r="121" spans="1:8" s="14" customFormat="1" ht="15.95" customHeight="1">
      <c r="A121" s="14" t="s">
        <v>141</v>
      </c>
      <c r="C121" s="15"/>
      <c r="D121" s="15"/>
      <c r="E121" s="15"/>
      <c r="F121" s="15"/>
      <c r="G121" s="15"/>
    </row>
    <row r="122" spans="1:8" ht="35.25" customHeight="1">
      <c r="A122" s="12" t="s">
        <v>1</v>
      </c>
      <c r="B122" s="20" t="s">
        <v>94</v>
      </c>
      <c r="C122" s="20"/>
      <c r="D122" s="20"/>
      <c r="E122" s="20"/>
      <c r="F122" s="20"/>
      <c r="G122" s="20"/>
      <c r="H122" s="12"/>
    </row>
    <row r="123" spans="1:8" s="14" customFormat="1" ht="15.95" customHeight="1">
      <c r="A123" s="14" t="s">
        <v>139</v>
      </c>
      <c r="B123" s="14" t="s">
        <v>95</v>
      </c>
      <c r="C123" s="17">
        <v>4.8387096774193547E-2</v>
      </c>
      <c r="D123" s="15"/>
      <c r="E123" s="15"/>
      <c r="F123" s="15"/>
      <c r="G123" s="15"/>
    </row>
    <row r="124" spans="1:8" s="14" customFormat="1" ht="15.95" customHeight="1">
      <c r="A124" s="14" t="s">
        <v>140</v>
      </c>
      <c r="B124" s="14" t="s">
        <v>96</v>
      </c>
      <c r="C124" s="17">
        <v>0.91935483870967738</v>
      </c>
      <c r="D124" s="15"/>
      <c r="E124" s="15"/>
      <c r="F124" s="15"/>
      <c r="G124" s="15"/>
    </row>
    <row r="125" spans="1:8" s="14" customFormat="1" ht="15.95" customHeight="1">
      <c r="A125" s="14" t="s">
        <v>139</v>
      </c>
      <c r="B125" s="14" t="s">
        <v>18</v>
      </c>
      <c r="C125" s="17">
        <v>3.2258064516129031E-2</v>
      </c>
      <c r="D125" s="15"/>
      <c r="E125" s="15"/>
      <c r="F125" s="15"/>
      <c r="G125" s="15"/>
    </row>
    <row r="126" spans="1:8" s="14" customFormat="1" ht="15.95" customHeight="1">
      <c r="A126" s="14" t="s">
        <v>141</v>
      </c>
      <c r="C126" s="15"/>
      <c r="D126" s="15"/>
      <c r="E126" s="15"/>
      <c r="F126" s="15"/>
      <c r="G126" s="15"/>
    </row>
    <row r="127" spans="1:8" s="14" customFormat="1" ht="15.95" customHeight="1">
      <c r="A127" s="14" t="s">
        <v>1</v>
      </c>
      <c r="B127" s="14" t="s">
        <v>97</v>
      </c>
      <c r="C127" s="15"/>
      <c r="D127" s="15"/>
      <c r="E127" s="15"/>
      <c r="F127" s="15"/>
      <c r="G127" s="15"/>
    </row>
    <row r="128" spans="1:8" s="14" customFormat="1" ht="15.95" customHeight="1">
      <c r="A128" s="14" t="s">
        <v>141</v>
      </c>
      <c r="C128" s="15" t="s">
        <v>98</v>
      </c>
      <c r="D128" s="15" t="s">
        <v>99</v>
      </c>
      <c r="E128" s="15" t="s">
        <v>100</v>
      </c>
      <c r="F128" s="15" t="s">
        <v>101</v>
      </c>
      <c r="G128" s="15" t="s">
        <v>18</v>
      </c>
    </row>
    <row r="129" spans="1:8" s="14" customFormat="1" ht="15.95" customHeight="1">
      <c r="A129" s="14" t="s">
        <v>139</v>
      </c>
      <c r="B129" s="16" t="s">
        <v>102</v>
      </c>
      <c r="C129" s="17">
        <v>0.54838709677419351</v>
      </c>
      <c r="D129" s="17">
        <v>0.32258064516129031</v>
      </c>
      <c r="E129" s="17">
        <v>8.0645161290322578E-2</v>
      </c>
      <c r="F129" s="17">
        <v>0</v>
      </c>
      <c r="G129" s="17">
        <v>4.8387096774193547E-2</v>
      </c>
      <c r="H129" s="18"/>
    </row>
    <row r="130" spans="1:8" s="14" customFormat="1" ht="15.95" customHeight="1">
      <c r="A130" s="14" t="s">
        <v>140</v>
      </c>
      <c r="B130" s="16" t="s">
        <v>103</v>
      </c>
      <c r="C130" s="17">
        <v>0.532258064516129</v>
      </c>
      <c r="D130" s="17">
        <v>0.30645161290322581</v>
      </c>
      <c r="E130" s="17">
        <v>9.6774193548387094E-2</v>
      </c>
      <c r="F130" s="17">
        <v>1.6129032258064516E-2</v>
      </c>
      <c r="G130" s="17">
        <v>4.8387096774193547E-2</v>
      </c>
      <c r="H130" s="18"/>
    </row>
    <row r="131" spans="1:8" s="14" customFormat="1" ht="15.95" customHeight="1">
      <c r="A131" s="14" t="s">
        <v>139</v>
      </c>
      <c r="B131" s="16" t="s">
        <v>104</v>
      </c>
      <c r="C131" s="17">
        <v>0.5161290322580645</v>
      </c>
      <c r="D131" s="17">
        <v>0.35483870967741937</v>
      </c>
      <c r="E131" s="17">
        <v>9.6774193548387094E-2</v>
      </c>
      <c r="F131" s="17">
        <v>0</v>
      </c>
      <c r="G131" s="17">
        <v>3.2258064516129031E-2</v>
      </c>
      <c r="H131" s="18"/>
    </row>
    <row r="132" spans="1:8" s="14" customFormat="1" ht="15.95" customHeight="1">
      <c r="A132" s="14" t="s">
        <v>140</v>
      </c>
      <c r="B132" s="16" t="s">
        <v>105</v>
      </c>
      <c r="C132" s="17">
        <v>0.56451612903225812</v>
      </c>
      <c r="D132" s="17">
        <v>0.32258064516129031</v>
      </c>
      <c r="E132" s="17">
        <v>4.8387096774193547E-2</v>
      </c>
      <c r="F132" s="17">
        <v>0</v>
      </c>
      <c r="G132" s="17">
        <v>6.4516129032258063E-2</v>
      </c>
      <c r="H132" s="18"/>
    </row>
    <row r="133" spans="1:8" s="14" customFormat="1" ht="15.95" customHeight="1">
      <c r="A133" s="14" t="s">
        <v>139</v>
      </c>
      <c r="B133" s="16" t="s">
        <v>106</v>
      </c>
      <c r="C133" s="17">
        <v>0.532258064516129</v>
      </c>
      <c r="D133" s="17">
        <v>0.30645161290322581</v>
      </c>
      <c r="E133" s="17">
        <v>6.4516129032258063E-2</v>
      </c>
      <c r="F133" s="17">
        <v>0</v>
      </c>
      <c r="G133" s="17">
        <v>9.6774193548387094E-2</v>
      </c>
      <c r="H133" s="18"/>
    </row>
    <row r="134" spans="1:8" s="14" customFormat="1" ht="30" customHeight="1">
      <c r="A134" s="14" t="s">
        <v>140</v>
      </c>
      <c r="B134" s="16" t="s">
        <v>107</v>
      </c>
      <c r="C134" s="17">
        <v>0.4838709677419355</v>
      </c>
      <c r="D134" s="17">
        <v>0.32258064516129031</v>
      </c>
      <c r="E134" s="17">
        <v>0.11290322580645161</v>
      </c>
      <c r="F134" s="17">
        <v>0</v>
      </c>
      <c r="G134" s="17">
        <v>8.0645161290322578E-2</v>
      </c>
      <c r="H134" s="18"/>
    </row>
    <row r="135" spans="1:8" s="14" customFormat="1" ht="15.95" customHeight="1">
      <c r="A135" s="14" t="s">
        <v>139</v>
      </c>
      <c r="B135" s="16" t="s">
        <v>108</v>
      </c>
      <c r="C135" s="17">
        <v>0.56451612903225812</v>
      </c>
      <c r="D135" s="17">
        <v>0.35483870967741937</v>
      </c>
      <c r="E135" s="17">
        <v>6.4516129032258063E-2</v>
      </c>
      <c r="F135" s="17">
        <v>0</v>
      </c>
      <c r="G135" s="17">
        <v>1.6129032258064516E-2</v>
      </c>
      <c r="H135" s="18"/>
    </row>
    <row r="136" spans="1:8" s="14" customFormat="1" ht="15.95" customHeight="1">
      <c r="A136" s="14" t="s">
        <v>140</v>
      </c>
      <c r="B136" s="16" t="s">
        <v>109</v>
      </c>
      <c r="C136" s="17">
        <v>0.50819672131147542</v>
      </c>
      <c r="D136" s="17">
        <v>0.36065573770491804</v>
      </c>
      <c r="E136" s="17">
        <v>8.1967213114754092E-2</v>
      </c>
      <c r="F136" s="17">
        <v>1.6393442622950821E-2</v>
      </c>
      <c r="G136" s="17">
        <v>3.2786885245901641E-2</v>
      </c>
      <c r="H136" s="18"/>
    </row>
    <row r="137" spans="1:8" s="14" customFormat="1" ht="15.95" customHeight="1">
      <c r="A137" s="14" t="s">
        <v>139</v>
      </c>
      <c r="B137" s="16" t="s">
        <v>110</v>
      </c>
      <c r="C137" s="17">
        <v>0.40322580645161288</v>
      </c>
      <c r="D137" s="17">
        <v>0.32258064516129031</v>
      </c>
      <c r="E137" s="17">
        <v>0.17741935483870969</v>
      </c>
      <c r="F137" s="17">
        <v>3.2258064516129031E-2</v>
      </c>
      <c r="G137" s="17">
        <v>6.4516129032258063E-2</v>
      </c>
      <c r="H137" s="18"/>
    </row>
    <row r="138" spans="1:8" s="14" customFormat="1" ht="15.95" customHeight="1">
      <c r="A138" s="14" t="s">
        <v>140</v>
      </c>
      <c r="B138" s="16" t="s">
        <v>111</v>
      </c>
      <c r="C138" s="17">
        <v>0.74193548387096775</v>
      </c>
      <c r="D138" s="17">
        <v>0.16129032258064516</v>
      </c>
      <c r="E138" s="17">
        <v>6.4516129032258063E-2</v>
      </c>
      <c r="F138" s="17">
        <v>0</v>
      </c>
      <c r="G138" s="17">
        <v>3.2258064516129031E-2</v>
      </c>
      <c r="H138" s="18"/>
    </row>
    <row r="139" spans="1:8" s="14" customFormat="1" ht="15.95" customHeight="1">
      <c r="A139" s="14" t="s">
        <v>141</v>
      </c>
      <c r="C139" s="15"/>
      <c r="D139" s="15"/>
      <c r="E139" s="15"/>
      <c r="F139" s="15"/>
      <c r="G139" s="15"/>
      <c r="H139" s="18"/>
    </row>
    <row r="140" spans="1:8" s="14" customFormat="1" ht="15.95" customHeight="1">
      <c r="A140" s="14" t="s">
        <v>1</v>
      </c>
      <c r="B140" s="14" t="s">
        <v>112</v>
      </c>
      <c r="C140" s="15"/>
      <c r="D140" s="15"/>
      <c r="E140" s="15"/>
      <c r="F140" s="15"/>
      <c r="G140" s="15"/>
      <c r="H140" s="18"/>
    </row>
    <row r="141" spans="1:8" s="14" customFormat="1" ht="15.95" customHeight="1">
      <c r="A141" s="14" t="s">
        <v>141</v>
      </c>
      <c r="C141" s="15" t="s">
        <v>113</v>
      </c>
      <c r="D141" s="15" t="s">
        <v>114</v>
      </c>
      <c r="E141" s="15" t="s">
        <v>115</v>
      </c>
      <c r="F141" s="15" t="s">
        <v>116</v>
      </c>
      <c r="G141" s="15" t="s">
        <v>18</v>
      </c>
      <c r="H141" s="18"/>
    </row>
    <row r="142" spans="1:8" s="14" customFormat="1" ht="15.95" customHeight="1">
      <c r="A142" s="14" t="s">
        <v>139</v>
      </c>
      <c r="B142" s="16" t="s">
        <v>117</v>
      </c>
      <c r="C142" s="17">
        <v>3.2786885245901641E-2</v>
      </c>
      <c r="D142" s="17">
        <v>0.37704918032786883</v>
      </c>
      <c r="E142" s="17">
        <v>0.4098360655737705</v>
      </c>
      <c r="F142" s="17">
        <v>0.14754098360655737</v>
      </c>
      <c r="G142" s="17">
        <v>3.2786885245901641E-2</v>
      </c>
      <c r="H142" s="18"/>
    </row>
    <row r="143" spans="1:8" s="14" customFormat="1" ht="15.95" customHeight="1">
      <c r="A143" s="14" t="s">
        <v>140</v>
      </c>
      <c r="B143" s="16" t="s">
        <v>118</v>
      </c>
      <c r="C143" s="17">
        <v>4.9180327868852458E-2</v>
      </c>
      <c r="D143" s="17">
        <v>0.39344262295081966</v>
      </c>
      <c r="E143" s="17">
        <v>0.4098360655737705</v>
      </c>
      <c r="F143" s="17">
        <v>9.8360655737704916E-2</v>
      </c>
      <c r="G143" s="17">
        <v>4.9180327868852458E-2</v>
      </c>
      <c r="H143" s="18"/>
    </row>
    <row r="144" spans="1:8" s="14" customFormat="1" ht="15.95" customHeight="1">
      <c r="A144" s="14" t="s">
        <v>139</v>
      </c>
      <c r="B144" s="16" t="s">
        <v>119</v>
      </c>
      <c r="C144" s="17">
        <v>3.2258064516129031E-2</v>
      </c>
      <c r="D144" s="17">
        <v>0.32258064516129031</v>
      </c>
      <c r="E144" s="17">
        <v>0.33870967741935482</v>
      </c>
      <c r="F144" s="17">
        <v>0.14516129032258066</v>
      </c>
      <c r="G144" s="17">
        <v>0.16129032258064516</v>
      </c>
      <c r="H144" s="18"/>
    </row>
    <row r="145" spans="1:8" s="14" customFormat="1" ht="15.95" customHeight="1">
      <c r="A145" s="14" t="s">
        <v>140</v>
      </c>
      <c r="B145" s="16" t="s">
        <v>120</v>
      </c>
      <c r="C145" s="17">
        <v>4.8387096774193547E-2</v>
      </c>
      <c r="D145" s="17">
        <v>0.33870967741935482</v>
      </c>
      <c r="E145" s="17">
        <v>0.43548387096774194</v>
      </c>
      <c r="F145" s="17">
        <v>0.14516129032258066</v>
      </c>
      <c r="G145" s="17">
        <v>3.2258064516129031E-2</v>
      </c>
      <c r="H145" s="18"/>
    </row>
    <row r="146" spans="1:8" s="14" customFormat="1" ht="15.95" customHeight="1">
      <c r="A146" s="14" t="s">
        <v>139</v>
      </c>
      <c r="B146" s="16" t="s">
        <v>121</v>
      </c>
      <c r="C146" s="17">
        <v>8.0645161290322578E-2</v>
      </c>
      <c r="D146" s="17">
        <v>0.35483870967741937</v>
      </c>
      <c r="E146" s="17">
        <v>0.33870967741935482</v>
      </c>
      <c r="F146" s="17">
        <v>0.14516129032258066</v>
      </c>
      <c r="G146" s="17">
        <v>8.0645161290322578E-2</v>
      </c>
      <c r="H146" s="18"/>
    </row>
    <row r="147" spans="1:8" s="14" customFormat="1" ht="15.95" customHeight="1">
      <c r="A147" s="14" t="s">
        <v>140</v>
      </c>
      <c r="B147" s="16" t="s">
        <v>54</v>
      </c>
      <c r="C147" s="17">
        <v>0.11290322580645161</v>
      </c>
      <c r="D147" s="17">
        <v>0.54838709677419351</v>
      </c>
      <c r="E147" s="17">
        <v>0.12903225806451613</v>
      </c>
      <c r="F147" s="17">
        <v>9.6774193548387094E-2</v>
      </c>
      <c r="G147" s="17">
        <v>0.11290322580645161</v>
      </c>
      <c r="H147" s="18"/>
    </row>
    <row r="148" spans="1:8" s="14" customFormat="1" ht="15.95" customHeight="1">
      <c r="A148" s="14" t="s">
        <v>139</v>
      </c>
      <c r="B148" s="16" t="s">
        <v>122</v>
      </c>
      <c r="C148" s="17">
        <v>0.17741935483870969</v>
      </c>
      <c r="D148" s="17">
        <v>0.24193548387096775</v>
      </c>
      <c r="E148" s="17">
        <v>0.16129032258064516</v>
      </c>
      <c r="F148" s="17">
        <v>9.6774193548387094E-2</v>
      </c>
      <c r="G148" s="17">
        <v>0.32258064516129031</v>
      </c>
      <c r="H148" s="18"/>
    </row>
    <row r="149" spans="1:8" s="14" customFormat="1" ht="15.95" customHeight="1">
      <c r="A149" s="14" t="s">
        <v>140</v>
      </c>
      <c r="B149" s="16" t="s">
        <v>123</v>
      </c>
      <c r="C149" s="17">
        <v>0.17741935483870969</v>
      </c>
      <c r="D149" s="17">
        <v>0.40322580645161288</v>
      </c>
      <c r="E149" s="17">
        <v>0.14516129032258066</v>
      </c>
      <c r="F149" s="17">
        <v>0.14516129032258066</v>
      </c>
      <c r="G149" s="17">
        <v>0.12903225806451613</v>
      </c>
      <c r="H149" s="18"/>
    </row>
    <row r="150" spans="1:8" s="14" customFormat="1" ht="15.95" customHeight="1">
      <c r="A150" s="14" t="s">
        <v>139</v>
      </c>
      <c r="B150" s="16" t="s">
        <v>124</v>
      </c>
      <c r="C150" s="17">
        <v>0.12903225806451613</v>
      </c>
      <c r="D150" s="17">
        <v>0.33870967741935482</v>
      </c>
      <c r="E150" s="17">
        <v>0.12903225806451613</v>
      </c>
      <c r="F150" s="17">
        <v>0.16129032258064516</v>
      </c>
      <c r="G150" s="17">
        <v>0.24193548387096775</v>
      </c>
      <c r="H150" s="18"/>
    </row>
    <row r="151" spans="1:8" s="14" customFormat="1" ht="15.95" customHeight="1">
      <c r="A151" s="14" t="s">
        <v>140</v>
      </c>
      <c r="B151" s="16" t="s">
        <v>125</v>
      </c>
      <c r="C151" s="17">
        <v>0.20967741935483872</v>
      </c>
      <c r="D151" s="17">
        <v>0.45161290322580644</v>
      </c>
      <c r="E151" s="17">
        <v>0.11290322580645161</v>
      </c>
      <c r="F151" s="17">
        <v>9.6774193548387094E-2</v>
      </c>
      <c r="G151" s="17">
        <v>0.12903225806451613</v>
      </c>
      <c r="H151" s="18"/>
    </row>
    <row r="152" spans="1:8" s="14" customFormat="1" ht="15.95" customHeight="1">
      <c r="A152" s="14" t="s">
        <v>139</v>
      </c>
      <c r="B152" s="16" t="s">
        <v>57</v>
      </c>
      <c r="C152" s="17">
        <v>0.11290322580645161</v>
      </c>
      <c r="D152" s="17">
        <v>0.20967741935483872</v>
      </c>
      <c r="E152" s="17">
        <v>0.25806451612903225</v>
      </c>
      <c r="F152" s="17">
        <v>0.20967741935483872</v>
      </c>
      <c r="G152" s="17">
        <v>0.20967741935483872</v>
      </c>
      <c r="H152" s="18"/>
    </row>
    <row r="153" spans="1:8" s="14" customFormat="1" ht="15.95" customHeight="1">
      <c r="A153" s="14" t="s">
        <v>141</v>
      </c>
      <c r="C153" s="15"/>
      <c r="D153" s="15"/>
      <c r="E153" s="15"/>
      <c r="F153" s="15"/>
      <c r="G153" s="15"/>
      <c r="H153" s="18"/>
    </row>
    <row r="154" spans="1:8" ht="38.25" customHeight="1">
      <c r="A154" s="12" t="s">
        <v>1</v>
      </c>
      <c r="B154" s="20" t="s">
        <v>126</v>
      </c>
      <c r="C154" s="20"/>
      <c r="D154" s="20"/>
      <c r="E154" s="20"/>
      <c r="F154" s="20"/>
      <c r="G154" s="20"/>
      <c r="H154" s="12"/>
    </row>
    <row r="155" spans="1:8" s="14" customFormat="1" ht="15.95" customHeight="1">
      <c r="A155" s="14" t="s">
        <v>139</v>
      </c>
      <c r="B155" s="14" t="s">
        <v>67</v>
      </c>
      <c r="C155" s="17">
        <v>0.42622950819672129</v>
      </c>
      <c r="D155" s="15"/>
      <c r="E155" s="15"/>
      <c r="F155" s="15"/>
      <c r="G155" s="15"/>
    </row>
    <row r="156" spans="1:8" s="14" customFormat="1" ht="15.95" customHeight="1">
      <c r="A156" s="14" t="s">
        <v>140</v>
      </c>
      <c r="B156" s="14" t="s">
        <v>68</v>
      </c>
      <c r="C156" s="17">
        <v>0.32786885245901637</v>
      </c>
      <c r="D156" s="15"/>
      <c r="E156" s="15"/>
      <c r="F156" s="15"/>
      <c r="G156" s="15"/>
    </row>
    <row r="157" spans="1:8" s="14" customFormat="1" ht="15.95" customHeight="1">
      <c r="A157" s="14" t="s">
        <v>139</v>
      </c>
      <c r="B157" s="14" t="s">
        <v>69</v>
      </c>
      <c r="C157" s="17">
        <v>0.18032786885245902</v>
      </c>
      <c r="D157" s="15"/>
      <c r="E157" s="15"/>
      <c r="F157" s="15"/>
      <c r="G157" s="15"/>
    </row>
    <row r="158" spans="1:8" s="14" customFormat="1" ht="15.95" customHeight="1">
      <c r="A158" s="14" t="s">
        <v>140</v>
      </c>
      <c r="B158" s="14" t="s">
        <v>70</v>
      </c>
      <c r="C158" s="17">
        <v>3.2786885245901641E-2</v>
      </c>
      <c r="D158" s="15"/>
      <c r="E158" s="15"/>
      <c r="F158" s="15"/>
      <c r="G158" s="15"/>
    </row>
    <row r="159" spans="1:8" s="14" customFormat="1" ht="15.95" customHeight="1">
      <c r="A159" s="14" t="s">
        <v>139</v>
      </c>
      <c r="B159" s="14" t="s">
        <v>18</v>
      </c>
      <c r="C159" s="17">
        <v>3.2786885245901641E-2</v>
      </c>
      <c r="D159" s="15"/>
      <c r="E159" s="15"/>
      <c r="F159" s="15"/>
      <c r="G159" s="15"/>
    </row>
    <row r="160" spans="1:8" s="14" customFormat="1" ht="15.95" customHeight="1">
      <c r="C160" s="15"/>
      <c r="D160" s="15"/>
      <c r="E160" s="15"/>
      <c r="F160" s="15"/>
      <c r="G160" s="15"/>
    </row>
    <row r="161" spans="1:7" s="14" customFormat="1" ht="34.5" customHeight="1">
      <c r="A161" s="14" t="s">
        <v>1</v>
      </c>
      <c r="B161" s="20" t="s">
        <v>127</v>
      </c>
      <c r="C161" s="20"/>
      <c r="D161" s="20"/>
      <c r="E161" s="20"/>
      <c r="F161" s="20"/>
      <c r="G161" s="20"/>
    </row>
    <row r="162" spans="1:7" s="14" customFormat="1" ht="15.95" customHeight="1">
      <c r="A162" s="14" t="s">
        <v>139</v>
      </c>
      <c r="B162" s="14" t="s">
        <v>129</v>
      </c>
      <c r="C162" s="17">
        <v>0.43548387096774194</v>
      </c>
      <c r="D162" s="15"/>
      <c r="E162" s="15"/>
      <c r="F162" s="15"/>
      <c r="G162" s="15"/>
    </row>
    <row r="163" spans="1:7" s="14" customFormat="1" ht="15.95" customHeight="1">
      <c r="A163" s="14" t="s">
        <v>140</v>
      </c>
      <c r="B163" s="14" t="s">
        <v>128</v>
      </c>
      <c r="C163" s="17">
        <v>0.32258064516129031</v>
      </c>
      <c r="D163" s="15"/>
      <c r="E163" s="15"/>
      <c r="F163" s="15"/>
      <c r="G163" s="15"/>
    </row>
    <row r="164" spans="1:7" s="14" customFormat="1" ht="15.95" customHeight="1">
      <c r="A164" s="14" t="s">
        <v>139</v>
      </c>
      <c r="B164" s="14" t="s">
        <v>132</v>
      </c>
      <c r="C164" s="17">
        <v>0.11290322580645161</v>
      </c>
      <c r="D164" s="15"/>
      <c r="E164" s="15"/>
      <c r="F164" s="15"/>
      <c r="G164" s="15"/>
    </row>
    <row r="165" spans="1:7" s="14" customFormat="1" ht="15.95" customHeight="1">
      <c r="A165" s="14" t="s">
        <v>140</v>
      </c>
      <c r="B165" s="14" t="s">
        <v>131</v>
      </c>
      <c r="C165" s="17">
        <v>4.8387096774193547E-2</v>
      </c>
      <c r="D165" s="15"/>
      <c r="E165" s="15"/>
      <c r="F165" s="15"/>
      <c r="G165" s="15"/>
    </row>
    <row r="166" spans="1:7" s="14" customFormat="1" ht="15.95" customHeight="1">
      <c r="A166" s="14" t="s">
        <v>139</v>
      </c>
      <c r="B166" s="14" t="s">
        <v>133</v>
      </c>
      <c r="C166" s="17">
        <v>4.8387096774193547E-2</v>
      </c>
      <c r="D166" s="15"/>
      <c r="E166" s="15"/>
      <c r="F166" s="15"/>
      <c r="G166" s="15"/>
    </row>
    <row r="167" spans="1:7" s="14" customFormat="1" ht="15.95" customHeight="1">
      <c r="A167" s="14" t="s">
        <v>140</v>
      </c>
      <c r="B167" s="14" t="s">
        <v>130</v>
      </c>
      <c r="C167" s="17">
        <v>3.2258064516129031E-2</v>
      </c>
      <c r="D167" s="15"/>
      <c r="E167" s="15"/>
      <c r="F167" s="15"/>
      <c r="G167" s="15"/>
    </row>
    <row r="168" spans="1:7" s="14" customFormat="1" ht="15.95" customHeight="1">
      <c r="A168" s="14" t="s">
        <v>141</v>
      </c>
      <c r="C168" s="15"/>
      <c r="D168" s="15"/>
      <c r="E168" s="15"/>
      <c r="F168" s="15"/>
      <c r="G168" s="15"/>
    </row>
    <row r="169" spans="1:7" s="14" customFormat="1" ht="15.95" customHeight="1">
      <c r="A169" s="14" t="s">
        <v>1</v>
      </c>
      <c r="B169" s="14" t="s">
        <v>134</v>
      </c>
      <c r="C169" s="15"/>
      <c r="D169" s="15"/>
      <c r="E169" s="15"/>
      <c r="F169" s="15"/>
      <c r="G169" s="15"/>
    </row>
    <row r="170" spans="1:7" s="14" customFormat="1" ht="15.95" customHeight="1">
      <c r="A170" s="14" t="s">
        <v>139</v>
      </c>
      <c r="B170" s="14" t="s">
        <v>135</v>
      </c>
      <c r="C170" s="17">
        <v>0.72131147540983609</v>
      </c>
      <c r="D170" s="15"/>
      <c r="E170" s="15"/>
      <c r="F170" s="15"/>
      <c r="G170" s="15"/>
    </row>
    <row r="171" spans="1:7" s="14" customFormat="1" ht="15.95" customHeight="1">
      <c r="A171" s="14" t="s">
        <v>140</v>
      </c>
      <c r="B171" s="14" t="s">
        <v>138</v>
      </c>
      <c r="C171" s="17">
        <v>0.21311475409836064</v>
      </c>
      <c r="D171" s="15"/>
      <c r="E171" s="15"/>
      <c r="F171" s="15"/>
      <c r="G171" s="15"/>
    </row>
    <row r="172" spans="1:7" s="14" customFormat="1" ht="15.95" customHeight="1">
      <c r="A172" s="14" t="s">
        <v>139</v>
      </c>
      <c r="B172" s="14" t="s">
        <v>136</v>
      </c>
      <c r="C172" s="17">
        <v>1.6393442622950821E-2</v>
      </c>
      <c r="D172" s="15"/>
      <c r="E172" s="15"/>
      <c r="F172" s="15"/>
      <c r="G172" s="15"/>
    </row>
    <row r="173" spans="1:7" s="14" customFormat="1" ht="15.95" customHeight="1">
      <c r="A173" s="14" t="s">
        <v>140</v>
      </c>
      <c r="B173" s="14" t="s">
        <v>137</v>
      </c>
      <c r="C173" s="17">
        <v>4.9180327868852458E-2</v>
      </c>
      <c r="D173" s="15"/>
      <c r="E173" s="15"/>
      <c r="F173" s="15"/>
      <c r="G173" s="15"/>
    </row>
    <row r="174" spans="1:7" s="14" customFormat="1" ht="15.95" customHeight="1">
      <c r="A174" s="14" t="s">
        <v>139</v>
      </c>
      <c r="B174" s="14" t="s">
        <v>18</v>
      </c>
      <c r="C174" s="17">
        <v>0</v>
      </c>
      <c r="D174" s="15"/>
      <c r="E174" s="15"/>
      <c r="F174" s="15"/>
      <c r="G174" s="15"/>
    </row>
  </sheetData>
  <sortState xmlns:xlrd2="http://schemas.microsoft.com/office/spreadsheetml/2017/richdata2" ref="A162:C167">
    <sortCondition descending="1" ref="C162:C167"/>
  </sortState>
  <mergeCells count="11">
    <mergeCell ref="B161:G161"/>
    <mergeCell ref="B122:G122"/>
    <mergeCell ref="B154:G154"/>
    <mergeCell ref="B1:G1"/>
    <mergeCell ref="B26:G26"/>
    <mergeCell ref="B65:G65"/>
    <mergeCell ref="B74:G74"/>
    <mergeCell ref="B101:G101"/>
    <mergeCell ref="B108:G108"/>
    <mergeCell ref="B43:G43"/>
    <mergeCell ref="B13:G13"/>
  </mergeCells>
  <conditionalFormatting sqref="B2:G12 B1 B26 B66:G73 B65 B75:G100 B74 B102:G107 B101 B109:G121 B108 B123:G153 B122 B154 B27:G42 B155:G160 B44:G64 B43 B14:G25 B13 B162:G1048576 B161">
    <cfRule type="expression" dxfId="1" priority="2">
      <formula>$A1="a"</formula>
    </cfRule>
    <cfRule type="expression" dxfId="0" priority="3">
      <formula>$A1="h"</formula>
    </cfRule>
  </conditionalFormatting>
  <pageMargins left="0.70866141732283472" right="0.70866141732283472" top="0.74803149606299213" bottom="0.74803149606299213" header="0.31496062992125984" footer="0.31496062992125984"/>
  <pageSetup scale="86" fitToHeight="0" orientation="landscape" r:id="rId1"/>
  <headerFooter>
    <oddHeader>&amp;COffice of the Seniors Advocate - Income and Affordability Stakeholder Engagement Questionnaire Results</oddHeader>
    <oddFooter>&amp;L&amp;G&amp;R&amp;P of &amp;N</oddFooter>
  </headerFooter>
  <rowBreaks count="9" manualBreakCount="9">
    <brk id="18" max="6" man="1"/>
    <brk id="34" max="6" man="1"/>
    <brk id="56" max="6" man="1"/>
    <brk id="73" max="6" man="1"/>
    <brk id="86" max="6" man="1"/>
    <brk id="107" max="6" man="1"/>
    <brk id="121" max="6" man="1"/>
    <brk id="139" max="6" man="1"/>
    <brk id="160" max="6" man="1"/>
  </rowBreaks>
  <legacyDrawingHF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2</vt:i4>
      </vt:variant>
      <vt:variant>
        <vt:lpstr>Named Ranges</vt:lpstr>
      </vt:variant>
      <vt:variant>
        <vt:i4>2</vt:i4>
      </vt:variant>
    </vt:vector>
  </HeadingPairs>
  <TitlesOfParts>
    <vt:vector size="4" baseType="lpstr">
      <vt:lpstr>Notes</vt:lpstr>
      <vt:lpstr>Survey Results</vt:lpstr>
      <vt:lpstr>Notes!Print_Area</vt:lpstr>
      <vt:lpstr>'Survey Results'!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ao, Shihang HLTH:EX</dc:creator>
  <cp:lastModifiedBy>Cao, Shihang HLTH:EX</cp:lastModifiedBy>
  <cp:lastPrinted>2022-10-06T17:47:19Z</cp:lastPrinted>
  <dcterms:created xsi:type="dcterms:W3CDTF">2022-03-11T18:02:17Z</dcterms:created>
  <dcterms:modified xsi:type="dcterms:W3CDTF">2022-10-06T17:47:23Z</dcterms:modified>
</cp:coreProperties>
</file>